
<file path=[Content_Types].xml><?xml version="1.0" encoding="utf-8"?>
<Types xmlns="http://schemas.openxmlformats.org/package/2006/content-types">
  <Default Extension="png" ContentType="image/png"/>
  <Default Extension="svg" ContentType="image/svg+xml"/>
  <Default Extension="emf" ContentType="image/x-emf"/>
  <Default Extension="jpeg" ContentType="image/jpeg"/>
  <Default Extension="rels" ContentType="application/vnd.openxmlformats-package.relationships+xml"/>
  <Default Extension="xml" ContentType="application/xml"/>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8"/>
  </p:sldMasterIdLst>
  <p:notesMasterIdLst>
    <p:notesMasterId r:id="rId17"/>
  </p:notesMasterIdLst>
  <p:handoutMasterIdLst>
    <p:handoutMasterId r:id="rId18"/>
  </p:handoutMasterIdLst>
  <p:sldIdLst>
    <p:sldId id="540" r:id="rId9"/>
    <p:sldId id="2147472339" r:id="rId10"/>
    <p:sldId id="2147472341" r:id="rId11"/>
    <p:sldId id="2147472340" r:id="rId12"/>
    <p:sldId id="2147472337" r:id="rId13"/>
    <p:sldId id="2147472374" r:id="rId14"/>
    <p:sldId id="2147472375" r:id="rId15"/>
    <p:sldId id="2147472338" r:id="rId1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7DB72CE0-7754-6446-B006-57D5AC55C27B}">
          <p14:sldIdLst/>
        </p14:section>
        <p14:section name="Appendix" id="{E18FCC6F-5F65-364E-9E73-38E9340B4EE2}">
          <p14:sldIdLst/>
        </p14:section>
        <p14:section name="Default Section" id="{25A52A60-2582-394A-A558-EDFBFC11CCAD}">
          <p14:sldIdLst/>
        </p14:section>
        <p14:section name="Solution Overview" id="{8BC68028-EF02-B54A-82F0-A83D86F2B744}">
          <p14:sldIdLst/>
        </p14:section>
        <p14:section name="Submitting Requests" id="{B4EF25E8-7E8A-AF4D-B181-80E8205BF8E0}">
          <p14:sldIdLst/>
        </p14:section>
        <p14:section name="Outcomes" id="{2FBCCC66-9688-EB4A-9603-9454472F0193}">
          <p14:sldIdLst/>
        </p14:section>
        <p14:section name="Provider Portal Overview" id="{C4CB8E61-E658-2B4E-9BC2-579B685CCBB7}">
          <p14:sldIdLst/>
        </p14:section>
        <p14:section name="Provider Resources" id="{19E93AA9-74C6-1F4A-A238-C0DD9184791B}">
          <p14:sldIdLst/>
        </p14:section>
        <p14:section name="Appendix" id="{499D218C-82A1-2C43-AE4D-D08B4FF523F2}">
          <p14:sldIdLst>
            <p14:sldId id="540"/>
            <p14:sldId id="2147472339"/>
            <p14:sldId id="2147472341"/>
            <p14:sldId id="2147472340"/>
            <p14:sldId id="2147472337"/>
            <p14:sldId id="2147472374"/>
            <p14:sldId id="2147472375"/>
            <p14:sldId id="2147472338"/>
          </p14:sldIdLst>
        </p14:section>
        <p14:section name="Default Section" id="{0171F01C-EF1F-2E4E-8FCA-2F3759C1E77C}">
          <p14:sldIdLst/>
        </p14:section>
        <p14:section name="Default Section" id="{FB161C4B-CDFF-DF4A-9195-EAA50EBDEB74}">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4" name="Author" initials="A" lastIdx="0" clrIdx="3"/>
  <p:cmAuthor id="5" name="Dawn Tarter" initials="DT" lastIdx="4" clrIdx="4">
    <p:extLst>
      <p:ext uri="{19B8F6BF-5375-455C-9EA6-DF929625EA0E}">
        <p15:presenceInfo xmlns:p15="http://schemas.microsoft.com/office/powerpoint/2012/main" userId="Dawn Tarter" providerId="None"/>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F2DE63D5-997A-4646-A377-4702673A728D}">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0660B408-B3CF-4A94-85FC-2B1E0A45F4A2}" styleName="Dark Style 2 - Accent 1/Accent 2">
    <a:wholeTbl>
      <a:tcTxStyle>
        <a:fontRef idx="minor">
          <a:scrgbClr r="0" g="0" b="0"/>
        </a:fontRef>
        <a:schemeClr val="dk1"/>
      </a:tcTxStyle>
      <a:tcStyle>
        <a:tcBdr>
          <a:left>
            <a:ln>
              <a:noFill/>
            </a:ln>
          </a:left>
          <a:right>
            <a:ln>
              <a:noFill/>
            </a:ln>
          </a:right>
          <a:top>
            <a:ln>
              <a:noFill/>
            </a:ln>
          </a:top>
          <a:bottom>
            <a:ln>
              <a:noFill/>
            </a:ln>
          </a:bottom>
          <a:insideH>
            <a:ln>
              <a:noFill/>
            </a:ln>
          </a:insideH>
          <a:insideV>
            <a:ln>
              <a:no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accent1">
              <a:tint val="20000"/>
            </a:schemeClr>
          </a:solidFill>
        </a:fill>
      </a:tcStyle>
    </a:lastRow>
    <a:firstRow>
      <a:tcTxStyle b="on">
        <a:fontRef idx="minor">
          <a:scrgbClr r="0" g="0" b="0"/>
        </a:fontRef>
        <a:schemeClr val="lt1"/>
      </a:tcTxStyle>
      <a:tcStyle>
        <a:tcBdr/>
        <a:fill>
          <a:solidFill>
            <a:schemeClr val="accent2"/>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1FECB4D8-DB02-4DC6-A0A2-4F2EBAE1DC90}" styleName="Mellemlayout 1 - Markering 3">
    <a:wholeTbl>
      <a:tcTxStyle>
        <a:fontRef idx="minor">
          <a:scrgbClr r="0" g="0" b="0"/>
        </a:fontRef>
        <a:schemeClr val="dk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a:noFill/>
            </a:ln>
          </a:insideV>
        </a:tcBdr>
        <a:fill>
          <a:solidFill>
            <a:schemeClr val="lt1"/>
          </a:solidFill>
        </a:fill>
      </a:tcStyle>
    </a:wholeTbl>
    <a:band1H>
      <a:tcStyle>
        <a:tcBdr/>
        <a:fill>
          <a:solidFill>
            <a:schemeClr val="accent3">
              <a:tint val="20000"/>
            </a:schemeClr>
          </a:solidFill>
        </a:fill>
      </a:tcStyle>
    </a:band1H>
    <a:band1V>
      <a:tcStyle>
        <a:tcBdr/>
        <a:fill>
          <a:solidFill>
            <a:schemeClr val="accent3">
              <a:tint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solidFill>
            <a:schemeClr val="lt1"/>
          </a:solidFill>
        </a:fill>
      </a:tcStyle>
    </a:lastRow>
    <a:firstRow>
      <a:tcTxStyle b="on">
        <a:fontRef idx="minor">
          <a:scrgbClr r="0" g="0" b="0"/>
        </a:fontRef>
        <a:schemeClr val="lt1"/>
      </a:tcTxStyle>
      <a:tcStyle>
        <a:tcBdr/>
        <a:fill>
          <a:solidFill>
            <a:schemeClr val="accent3"/>
          </a:solidFill>
        </a:fill>
      </a:tcStyle>
    </a:firstRow>
  </a:tblStyle>
  <a:tblStyle styleId="{F5AB1C69-6EDB-4FF4-983F-18BD219EF322}" styleName="Mellemlayout 2 - Markering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EB344D84-9AFB-497E-A393-DC336BA19D2E}" styleName="Mellemlayout 3 - Markering 3">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3"/>
          </a:solidFill>
        </a:fill>
      </a:tcStyle>
    </a:lastCol>
    <a:firstCol>
      <a:tcTxStyle b="on">
        <a:fontRef idx="minor">
          <a:scrgbClr r="0" g="0" b="0"/>
        </a:fontRef>
        <a:schemeClr val="lt1"/>
      </a:tcTxStyle>
      <a:tcStyle>
        <a:tcBdr/>
        <a:fill>
          <a:solidFill>
            <a:schemeClr val="accent3"/>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3"/>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0452" autoAdjust="0"/>
    <p:restoredTop sz="95340" autoAdjust="0"/>
  </p:normalViewPr>
  <p:slideViewPr>
    <p:cSldViewPr snapToGrid="0" showGuides="1">
      <p:cViewPr varScale="1">
        <p:scale>
          <a:sx n="76" d="100"/>
          <a:sy n="76" d="100"/>
        </p:scale>
        <p:origin x="108" y="684"/>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3672" y="78"/>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tableStyles" Target="tableStyles.xml"/><Relationship Id="rId10" Type="http://schemas.openxmlformats.org/officeDocument/2006/relationships/slide" Target="slides/slide2.xml"/><Relationship Id="rId19" Type="http://schemas.openxmlformats.org/officeDocument/2006/relationships/commentAuthors" Target="commentAuthor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6/07/2024</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26/07/2024</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dt="0"/>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mod="1">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Header Placeholder 3"/>
          <p:cNvSpPr>
            <a:spLocks noGrp="1"/>
          </p:cNvSpPr>
          <p:nvPr>
            <p:ph type="hdr" sz="quarter" idx="10"/>
          </p:nvPr>
        </p:nvSpPr>
        <p:spPr/>
        <p:txBody>
          <a:bodyPr/>
          <a:lstStyle/>
          <a:p>
            <a:pPr>
              <a:defRPr/>
            </a:pPr>
            <a:endParaRPr lang="en-US" dirty="0"/>
          </a:p>
        </p:txBody>
      </p:sp>
      <p:sp>
        <p:nvSpPr>
          <p:cNvPr id="5" name="Footer Placeholder 4"/>
          <p:cNvSpPr>
            <a:spLocks noGrp="1"/>
          </p:cNvSpPr>
          <p:nvPr>
            <p:ph type="ftr" sz="quarter" idx="11"/>
          </p:nvPr>
        </p:nvSpPr>
        <p:spPr/>
        <p:txBody>
          <a:bodyPr/>
          <a:lstStyle/>
          <a:p>
            <a:pPr>
              <a:defRPr/>
            </a:pPr>
            <a:endParaRPr lang="en-US" dirty="0"/>
          </a:p>
        </p:txBody>
      </p:sp>
      <p:sp>
        <p:nvSpPr>
          <p:cNvPr id="6" name="Slide Number Placeholder 5"/>
          <p:cNvSpPr>
            <a:spLocks noGrp="1"/>
          </p:cNvSpPr>
          <p:nvPr>
            <p:ph type="sldNum" sz="quarter" idx="12"/>
          </p:nvPr>
        </p:nvSpPr>
        <p:spPr/>
        <p:txBody>
          <a:bodyPr/>
          <a:lstStyle/>
          <a:p>
            <a:pPr>
              <a:defRPr/>
            </a:pPr>
            <a:fld id="{E30EF2E4-536E-FE42-A124-2342080CC1BE}" type="slidenum">
              <a:rPr lang="en-US" altLang="en-US" smtClean="0"/>
              <a:pPr>
                <a:defRPr/>
              </a:pPr>
              <a:t>1</a:t>
            </a:fld>
            <a:endParaRPr lang="en-US" altLang="en-US" dirty="0"/>
          </a:p>
        </p:txBody>
      </p:sp>
    </p:spTree>
    <p:extLst>
      <p:ext uri="{BB962C8B-B14F-4D97-AF65-F5344CB8AC3E}">
        <p14:creationId xmlns:p14="http://schemas.microsoft.com/office/powerpoint/2010/main" val="267623047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indent="0" algn="l" defTabSz="457200" rtl="0" eaLnBrk="0" fontAlgn="base" latinLnBrk="0" hangingPunct="0">
              <a:lnSpc>
                <a:spcPct val="100000"/>
              </a:lnSpc>
              <a:spcBef>
                <a:spcPct val="30000"/>
              </a:spcBef>
              <a:spcAft>
                <a:spcPct val="0"/>
              </a:spcAft>
              <a:buClrTx/>
              <a:buSzTx/>
              <a:buFontTx/>
              <a:buNone/>
              <a:tabLst/>
              <a:defRPr/>
            </a:pPr>
            <a:endParaRPr lang="en-US" dirty="0"/>
          </a:p>
        </p:txBody>
      </p:sp>
      <p:sp>
        <p:nvSpPr>
          <p:cNvPr id="4" name="Header Placeholder 3"/>
          <p:cNvSpPr>
            <a:spLocks noGrp="1"/>
          </p:cNvSpPr>
          <p:nvPr>
            <p:ph type="hdr" sz="quarter"/>
          </p:nvPr>
        </p:nvSpPr>
        <p:spPr/>
        <p:txBody>
          <a:bodyPr/>
          <a:lstStyle/>
          <a:p>
            <a:pPr>
              <a:defRPr/>
            </a:pPr>
            <a:endParaRPr lang="en-US" dirty="0"/>
          </a:p>
        </p:txBody>
      </p:sp>
      <p:sp>
        <p:nvSpPr>
          <p:cNvPr id="5" name="Footer Placeholder 4"/>
          <p:cNvSpPr>
            <a:spLocks noGrp="1"/>
          </p:cNvSpPr>
          <p:nvPr>
            <p:ph type="ftr" sz="quarter" idx="4"/>
          </p:nvPr>
        </p:nvSpPr>
        <p:spPr/>
        <p:txBody>
          <a:bodyPr/>
          <a:lstStyle/>
          <a:p>
            <a:pPr>
              <a:defRPr/>
            </a:pPr>
            <a:endParaRPr lang="en-US" dirty="0"/>
          </a:p>
        </p:txBody>
      </p:sp>
      <p:sp>
        <p:nvSpPr>
          <p:cNvPr id="6" name="Slide Number Placeholder 5"/>
          <p:cNvSpPr>
            <a:spLocks noGrp="1"/>
          </p:cNvSpPr>
          <p:nvPr>
            <p:ph type="sldNum" sz="quarter" idx="5"/>
          </p:nvPr>
        </p:nvSpPr>
        <p:spPr/>
        <p:txBody>
          <a:bodyPr/>
          <a:lstStyle/>
          <a:p>
            <a:pPr>
              <a:defRPr/>
            </a:pPr>
            <a:fld id="{E30EF2E4-536E-FE42-A124-2342080CC1BE}" type="slidenum">
              <a:rPr lang="en-US" altLang="en-US" smtClean="0"/>
              <a:pPr>
                <a:defRPr/>
              </a:pPr>
              <a:t>2</a:t>
            </a:fld>
            <a:endParaRPr lang="en-US" altLang="en-US" dirty="0"/>
          </a:p>
        </p:txBody>
      </p:sp>
    </p:spTree>
    <p:extLst>
      <p:ext uri="{BB962C8B-B14F-4D97-AF65-F5344CB8AC3E}">
        <p14:creationId xmlns:p14="http://schemas.microsoft.com/office/powerpoint/2010/main" val="13309604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indent="0" algn="l" defTabSz="457200" rtl="0" eaLnBrk="0" fontAlgn="base" latinLnBrk="0" hangingPunct="0">
              <a:lnSpc>
                <a:spcPct val="100000"/>
              </a:lnSpc>
              <a:spcBef>
                <a:spcPct val="30000"/>
              </a:spcBef>
              <a:spcAft>
                <a:spcPct val="0"/>
              </a:spcAft>
              <a:buClrTx/>
              <a:buSzTx/>
              <a:buFontTx/>
              <a:buNone/>
              <a:tabLst/>
              <a:defRPr/>
            </a:pPr>
            <a:r>
              <a:rPr lang="en-US" dirty="0"/>
              <a:t>Note! You can add another case for the same Peer to Peer appointment request by selecting “Add Another Case” (maximum of 4 cases, some restrictions may apply</a:t>
            </a:r>
            <a:r>
              <a:rPr lang="en-US" b="1" dirty="0"/>
              <a:t>*</a:t>
            </a:r>
            <a:r>
              <a:rPr lang="en-US" dirty="0"/>
              <a:t>) </a:t>
            </a:r>
          </a:p>
          <a:p>
            <a:pPr marL="0" marR="0" indent="0" algn="l" defTabSz="457200" rtl="0" eaLnBrk="0" fontAlgn="base" latinLnBrk="0" hangingPunct="0">
              <a:lnSpc>
                <a:spcPct val="100000"/>
              </a:lnSpc>
              <a:spcBef>
                <a:spcPct val="30000"/>
              </a:spcBef>
              <a:spcAft>
                <a:spcPct val="0"/>
              </a:spcAft>
              <a:buClrTx/>
              <a:buSzTx/>
              <a:buFontTx/>
              <a:buNone/>
              <a:tabLst/>
              <a:defRPr/>
            </a:pPr>
            <a:r>
              <a:rPr lang="en-US" i="1" dirty="0"/>
              <a:t>There might be times when we are unable to accommodate more than one case with the same eviCore reviewer. This is usually because different credentials or licensure types are needed for one or more of the cases in question. You will receive a prompt to schedule these separately when this occurs.  </a:t>
            </a:r>
            <a:endParaRPr lang="en-US" dirty="0"/>
          </a:p>
          <a:p>
            <a:endParaRPr lang="en-US" dirty="0"/>
          </a:p>
        </p:txBody>
      </p:sp>
      <p:sp>
        <p:nvSpPr>
          <p:cNvPr id="4" name="Header Placeholder 3"/>
          <p:cNvSpPr>
            <a:spLocks noGrp="1"/>
          </p:cNvSpPr>
          <p:nvPr>
            <p:ph type="hdr" sz="quarter"/>
          </p:nvPr>
        </p:nvSpPr>
        <p:spPr/>
        <p:txBody>
          <a:bodyPr/>
          <a:lstStyle/>
          <a:p>
            <a:pPr>
              <a:defRPr/>
            </a:pPr>
            <a:endParaRPr lang="en-US" dirty="0"/>
          </a:p>
        </p:txBody>
      </p:sp>
      <p:sp>
        <p:nvSpPr>
          <p:cNvPr id="5" name="Footer Placeholder 4"/>
          <p:cNvSpPr>
            <a:spLocks noGrp="1"/>
          </p:cNvSpPr>
          <p:nvPr>
            <p:ph type="ftr" sz="quarter" idx="4"/>
          </p:nvPr>
        </p:nvSpPr>
        <p:spPr/>
        <p:txBody>
          <a:bodyPr/>
          <a:lstStyle/>
          <a:p>
            <a:pPr>
              <a:defRPr/>
            </a:pPr>
            <a:endParaRPr lang="en-US" dirty="0"/>
          </a:p>
        </p:txBody>
      </p:sp>
      <p:sp>
        <p:nvSpPr>
          <p:cNvPr id="6" name="Slide Number Placeholder 5"/>
          <p:cNvSpPr>
            <a:spLocks noGrp="1"/>
          </p:cNvSpPr>
          <p:nvPr>
            <p:ph type="sldNum" sz="quarter" idx="5"/>
          </p:nvPr>
        </p:nvSpPr>
        <p:spPr/>
        <p:txBody>
          <a:bodyPr/>
          <a:lstStyle/>
          <a:p>
            <a:pPr>
              <a:defRPr/>
            </a:pPr>
            <a:fld id="{E30EF2E4-536E-FE42-A124-2342080CC1BE}" type="slidenum">
              <a:rPr lang="en-US" altLang="en-US" smtClean="0"/>
              <a:pPr>
                <a:defRPr/>
              </a:pPr>
              <a:t>3</a:t>
            </a:fld>
            <a:endParaRPr lang="en-US" altLang="en-US" dirty="0"/>
          </a:p>
        </p:txBody>
      </p:sp>
    </p:spTree>
    <p:extLst>
      <p:ext uri="{BB962C8B-B14F-4D97-AF65-F5344CB8AC3E}">
        <p14:creationId xmlns:p14="http://schemas.microsoft.com/office/powerpoint/2010/main" val="311696518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pPr>
              <a:defRPr/>
            </a:pPr>
            <a:endParaRPr lang="en-US" dirty="0"/>
          </a:p>
        </p:txBody>
      </p:sp>
      <p:sp>
        <p:nvSpPr>
          <p:cNvPr id="5" name="Footer Placeholder 4"/>
          <p:cNvSpPr>
            <a:spLocks noGrp="1"/>
          </p:cNvSpPr>
          <p:nvPr>
            <p:ph type="ftr" sz="quarter" idx="4"/>
          </p:nvPr>
        </p:nvSpPr>
        <p:spPr/>
        <p:txBody>
          <a:bodyPr/>
          <a:lstStyle/>
          <a:p>
            <a:pPr>
              <a:defRPr/>
            </a:pPr>
            <a:endParaRPr lang="en-US" dirty="0"/>
          </a:p>
        </p:txBody>
      </p:sp>
      <p:sp>
        <p:nvSpPr>
          <p:cNvPr id="6" name="Slide Number Placeholder 5"/>
          <p:cNvSpPr>
            <a:spLocks noGrp="1"/>
          </p:cNvSpPr>
          <p:nvPr>
            <p:ph type="sldNum" sz="quarter" idx="5"/>
          </p:nvPr>
        </p:nvSpPr>
        <p:spPr/>
        <p:txBody>
          <a:bodyPr/>
          <a:lstStyle/>
          <a:p>
            <a:pPr>
              <a:defRPr/>
            </a:pPr>
            <a:fld id="{E30EF2E4-536E-FE42-A124-2342080CC1BE}" type="slidenum">
              <a:rPr lang="en-US" altLang="en-US" smtClean="0"/>
              <a:pPr>
                <a:defRPr/>
              </a:pPr>
              <a:t>4</a:t>
            </a:fld>
            <a:endParaRPr lang="en-US" altLang="en-US" dirty="0"/>
          </a:p>
        </p:txBody>
      </p:sp>
    </p:spTree>
    <p:extLst>
      <p:ext uri="{BB962C8B-B14F-4D97-AF65-F5344CB8AC3E}">
        <p14:creationId xmlns:p14="http://schemas.microsoft.com/office/powerpoint/2010/main" val="165938510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457200" rtl="0" eaLnBrk="0" fontAlgn="base" latinLnBrk="0" hangingPunct="0">
              <a:lnSpc>
                <a:spcPct val="100000"/>
              </a:lnSpc>
              <a:spcBef>
                <a:spcPct val="30000"/>
              </a:spcBef>
              <a:spcAft>
                <a:spcPct val="0"/>
              </a:spcAft>
              <a:buClrTx/>
              <a:buSzTx/>
              <a:buFontTx/>
              <a:buNone/>
              <a:tabLst/>
              <a:defRPr/>
            </a:pPr>
            <a:r>
              <a:rPr lang="en-US" dirty="0"/>
              <a:t>Note: </a:t>
            </a:r>
            <a:r>
              <a:rPr lang="en-US" sz="1200" kern="1200" dirty="0">
                <a:solidFill>
                  <a:schemeClr val="tx1"/>
                </a:solidFill>
                <a:effectLst/>
                <a:latin typeface="+mn-lt"/>
                <a:ea typeface="ＭＳ Ｐゴシック" charset="0"/>
                <a:cs typeface="ＭＳ Ｐゴシック" panose="020B0600070205080204" pitchFamily="34" charset="-128"/>
              </a:rPr>
              <a:t>You will also receive a confirmation email with a calendar invite to the Peer-to-Peer appointment. </a:t>
            </a:r>
          </a:p>
          <a:p>
            <a:endParaRPr lang="en-US" dirty="0"/>
          </a:p>
        </p:txBody>
      </p:sp>
      <p:sp>
        <p:nvSpPr>
          <p:cNvPr id="4" name="Header Placeholder 3"/>
          <p:cNvSpPr>
            <a:spLocks noGrp="1"/>
          </p:cNvSpPr>
          <p:nvPr>
            <p:ph type="hdr" sz="quarter"/>
          </p:nvPr>
        </p:nvSpPr>
        <p:spPr/>
        <p:txBody>
          <a:bodyPr/>
          <a:lstStyle/>
          <a:p>
            <a:pPr>
              <a:defRPr/>
            </a:pPr>
            <a:endParaRPr lang="en-US" dirty="0"/>
          </a:p>
        </p:txBody>
      </p:sp>
      <p:sp>
        <p:nvSpPr>
          <p:cNvPr id="5" name="Footer Placeholder 4"/>
          <p:cNvSpPr>
            <a:spLocks noGrp="1"/>
          </p:cNvSpPr>
          <p:nvPr>
            <p:ph type="ftr" sz="quarter" idx="4"/>
          </p:nvPr>
        </p:nvSpPr>
        <p:spPr/>
        <p:txBody>
          <a:bodyPr/>
          <a:lstStyle/>
          <a:p>
            <a:pPr>
              <a:defRPr/>
            </a:pPr>
            <a:endParaRPr lang="en-US" dirty="0"/>
          </a:p>
        </p:txBody>
      </p:sp>
      <p:sp>
        <p:nvSpPr>
          <p:cNvPr id="6" name="Slide Number Placeholder 5"/>
          <p:cNvSpPr>
            <a:spLocks noGrp="1"/>
          </p:cNvSpPr>
          <p:nvPr>
            <p:ph type="sldNum" sz="quarter" idx="5"/>
          </p:nvPr>
        </p:nvSpPr>
        <p:spPr/>
        <p:txBody>
          <a:bodyPr/>
          <a:lstStyle/>
          <a:p>
            <a:pPr>
              <a:defRPr/>
            </a:pPr>
            <a:fld id="{E30EF2E4-536E-FE42-A124-2342080CC1BE}" type="slidenum">
              <a:rPr lang="en-US" altLang="en-US" smtClean="0"/>
              <a:pPr>
                <a:defRPr/>
              </a:pPr>
              <a:t>5</a:t>
            </a:fld>
            <a:endParaRPr lang="en-US" altLang="en-US" dirty="0"/>
          </a:p>
        </p:txBody>
      </p:sp>
    </p:spTree>
    <p:extLst>
      <p:ext uri="{BB962C8B-B14F-4D97-AF65-F5344CB8AC3E}">
        <p14:creationId xmlns:p14="http://schemas.microsoft.com/office/powerpoint/2010/main" val="416364353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457200" rtl="0" eaLnBrk="0" fontAlgn="base" latinLnBrk="0" hangingPunct="0">
              <a:lnSpc>
                <a:spcPct val="100000"/>
              </a:lnSpc>
              <a:spcBef>
                <a:spcPct val="30000"/>
              </a:spcBef>
              <a:spcAft>
                <a:spcPct val="0"/>
              </a:spcAft>
              <a:buClrTx/>
              <a:buSzTx/>
              <a:buFontTx/>
              <a:buNone/>
              <a:tabLst/>
              <a:defRPr/>
            </a:pPr>
            <a:r>
              <a:rPr lang="en-US" dirty="0"/>
              <a:t>Note: </a:t>
            </a:r>
            <a:r>
              <a:rPr lang="en-US" sz="1200" kern="1200" dirty="0">
                <a:solidFill>
                  <a:schemeClr val="tx1"/>
                </a:solidFill>
                <a:effectLst/>
                <a:latin typeface="+mn-lt"/>
                <a:ea typeface="ＭＳ Ｐゴシック" charset="0"/>
                <a:cs typeface="ＭＳ Ｐゴシック" panose="020B0600070205080204" pitchFamily="34" charset="-128"/>
              </a:rPr>
              <a:t>You will also receive a confirmation email with a calendar invite to the Peer-to-Peer appointment. </a:t>
            </a:r>
          </a:p>
          <a:p>
            <a:endParaRPr lang="en-US" dirty="0"/>
          </a:p>
        </p:txBody>
      </p:sp>
      <p:sp>
        <p:nvSpPr>
          <p:cNvPr id="4" name="Header Placeholder 3"/>
          <p:cNvSpPr>
            <a:spLocks noGrp="1"/>
          </p:cNvSpPr>
          <p:nvPr>
            <p:ph type="hdr" sz="quarter"/>
          </p:nvPr>
        </p:nvSpPr>
        <p:spPr/>
        <p:txBody>
          <a:bodyPr/>
          <a:lstStyle/>
          <a:p>
            <a:pPr>
              <a:defRPr/>
            </a:pPr>
            <a:endParaRPr lang="en-US" dirty="0"/>
          </a:p>
        </p:txBody>
      </p:sp>
      <p:sp>
        <p:nvSpPr>
          <p:cNvPr id="5" name="Footer Placeholder 4"/>
          <p:cNvSpPr>
            <a:spLocks noGrp="1"/>
          </p:cNvSpPr>
          <p:nvPr>
            <p:ph type="ftr" sz="quarter" idx="4"/>
          </p:nvPr>
        </p:nvSpPr>
        <p:spPr/>
        <p:txBody>
          <a:bodyPr/>
          <a:lstStyle/>
          <a:p>
            <a:pPr>
              <a:defRPr/>
            </a:pPr>
            <a:endParaRPr lang="en-US" dirty="0"/>
          </a:p>
        </p:txBody>
      </p:sp>
      <p:sp>
        <p:nvSpPr>
          <p:cNvPr id="6" name="Slide Number Placeholder 5"/>
          <p:cNvSpPr>
            <a:spLocks noGrp="1"/>
          </p:cNvSpPr>
          <p:nvPr>
            <p:ph type="sldNum" sz="quarter" idx="5"/>
          </p:nvPr>
        </p:nvSpPr>
        <p:spPr/>
        <p:txBody>
          <a:bodyPr/>
          <a:lstStyle/>
          <a:p>
            <a:pPr>
              <a:defRPr/>
            </a:pPr>
            <a:fld id="{E30EF2E4-536E-FE42-A124-2342080CC1BE}" type="slidenum">
              <a:rPr lang="en-US" altLang="en-US" smtClean="0"/>
              <a:pPr>
                <a:defRPr/>
              </a:pPr>
              <a:t>6</a:t>
            </a:fld>
            <a:endParaRPr lang="en-US" altLang="en-US" dirty="0"/>
          </a:p>
        </p:txBody>
      </p:sp>
    </p:spTree>
    <p:extLst>
      <p:ext uri="{BB962C8B-B14F-4D97-AF65-F5344CB8AC3E}">
        <p14:creationId xmlns:p14="http://schemas.microsoft.com/office/powerpoint/2010/main" val="257700653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457200" rtl="0" eaLnBrk="0" fontAlgn="base" latinLnBrk="0" hangingPunct="0">
              <a:lnSpc>
                <a:spcPct val="100000"/>
              </a:lnSpc>
              <a:spcBef>
                <a:spcPct val="30000"/>
              </a:spcBef>
              <a:spcAft>
                <a:spcPct val="0"/>
              </a:spcAft>
              <a:buClrTx/>
              <a:buSzTx/>
              <a:buFontTx/>
              <a:buNone/>
              <a:tabLst/>
              <a:defRPr/>
            </a:pPr>
            <a:r>
              <a:rPr lang="en-US" dirty="0"/>
              <a:t>Note: </a:t>
            </a:r>
            <a:r>
              <a:rPr lang="en-US" sz="1200" kern="1200" dirty="0">
                <a:solidFill>
                  <a:schemeClr val="tx1"/>
                </a:solidFill>
                <a:effectLst/>
                <a:latin typeface="+mn-lt"/>
                <a:ea typeface="ＭＳ Ｐゴシック" charset="0"/>
                <a:cs typeface="ＭＳ Ｐゴシック" panose="020B0600070205080204" pitchFamily="34" charset="-128"/>
              </a:rPr>
              <a:t>You will also receive a confirmation email with a calendar invite to the Peer-to-Peer appointment. </a:t>
            </a:r>
          </a:p>
          <a:p>
            <a:endParaRPr lang="en-US" dirty="0"/>
          </a:p>
        </p:txBody>
      </p:sp>
      <p:sp>
        <p:nvSpPr>
          <p:cNvPr id="4" name="Header Placeholder 3"/>
          <p:cNvSpPr>
            <a:spLocks noGrp="1"/>
          </p:cNvSpPr>
          <p:nvPr>
            <p:ph type="hdr" sz="quarter"/>
          </p:nvPr>
        </p:nvSpPr>
        <p:spPr/>
        <p:txBody>
          <a:bodyPr/>
          <a:lstStyle/>
          <a:p>
            <a:pPr>
              <a:defRPr/>
            </a:pPr>
            <a:endParaRPr lang="en-US" dirty="0"/>
          </a:p>
        </p:txBody>
      </p:sp>
      <p:sp>
        <p:nvSpPr>
          <p:cNvPr id="5" name="Footer Placeholder 4"/>
          <p:cNvSpPr>
            <a:spLocks noGrp="1"/>
          </p:cNvSpPr>
          <p:nvPr>
            <p:ph type="ftr" sz="quarter" idx="4"/>
          </p:nvPr>
        </p:nvSpPr>
        <p:spPr/>
        <p:txBody>
          <a:bodyPr/>
          <a:lstStyle/>
          <a:p>
            <a:pPr>
              <a:defRPr/>
            </a:pPr>
            <a:endParaRPr lang="en-US" dirty="0"/>
          </a:p>
        </p:txBody>
      </p:sp>
      <p:sp>
        <p:nvSpPr>
          <p:cNvPr id="6" name="Slide Number Placeholder 5"/>
          <p:cNvSpPr>
            <a:spLocks noGrp="1"/>
          </p:cNvSpPr>
          <p:nvPr>
            <p:ph type="sldNum" sz="quarter" idx="5"/>
          </p:nvPr>
        </p:nvSpPr>
        <p:spPr/>
        <p:txBody>
          <a:bodyPr/>
          <a:lstStyle/>
          <a:p>
            <a:pPr>
              <a:defRPr/>
            </a:pPr>
            <a:fld id="{E30EF2E4-536E-FE42-A124-2342080CC1BE}" type="slidenum">
              <a:rPr lang="en-US" altLang="en-US" smtClean="0"/>
              <a:pPr>
                <a:defRPr/>
              </a:pPr>
              <a:t>7</a:t>
            </a:fld>
            <a:endParaRPr lang="en-US" altLang="en-US" dirty="0"/>
          </a:p>
        </p:txBody>
      </p:sp>
    </p:spTree>
    <p:extLst>
      <p:ext uri="{BB962C8B-B14F-4D97-AF65-F5344CB8AC3E}">
        <p14:creationId xmlns:p14="http://schemas.microsoft.com/office/powerpoint/2010/main" val="27424541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Header Placeholder 3"/>
          <p:cNvSpPr>
            <a:spLocks noGrp="1"/>
          </p:cNvSpPr>
          <p:nvPr>
            <p:ph type="hdr" sz="quarter"/>
          </p:nvPr>
        </p:nvSpPr>
        <p:spPr/>
        <p:txBody>
          <a:bodyPr/>
          <a:lstStyle/>
          <a:p>
            <a:pPr>
              <a:defRPr/>
            </a:pPr>
            <a:endParaRPr lang="en-US" dirty="0"/>
          </a:p>
        </p:txBody>
      </p:sp>
      <p:sp>
        <p:nvSpPr>
          <p:cNvPr id="5" name="Footer Placeholder 4"/>
          <p:cNvSpPr>
            <a:spLocks noGrp="1"/>
          </p:cNvSpPr>
          <p:nvPr>
            <p:ph type="ftr" sz="quarter" idx="4"/>
          </p:nvPr>
        </p:nvSpPr>
        <p:spPr/>
        <p:txBody>
          <a:bodyPr/>
          <a:lstStyle/>
          <a:p>
            <a:pPr>
              <a:defRPr/>
            </a:pPr>
            <a:endParaRPr lang="en-US" dirty="0"/>
          </a:p>
        </p:txBody>
      </p:sp>
      <p:sp>
        <p:nvSpPr>
          <p:cNvPr id="6" name="Slide Number Placeholder 5"/>
          <p:cNvSpPr>
            <a:spLocks noGrp="1"/>
          </p:cNvSpPr>
          <p:nvPr>
            <p:ph type="sldNum" sz="quarter" idx="5"/>
          </p:nvPr>
        </p:nvSpPr>
        <p:spPr/>
        <p:txBody>
          <a:bodyPr/>
          <a:lstStyle/>
          <a:p>
            <a:pPr>
              <a:defRPr/>
            </a:pPr>
            <a:fld id="{E30EF2E4-536E-FE42-A124-2342080CC1BE}" type="slidenum">
              <a:rPr lang="en-US" altLang="en-US" smtClean="0"/>
              <a:pPr>
                <a:defRPr/>
              </a:pPr>
              <a:t>8</a:t>
            </a:fld>
            <a:endParaRPr lang="en-US" altLang="en-US" dirty="0"/>
          </a:p>
        </p:txBody>
      </p:sp>
    </p:spTree>
    <p:extLst>
      <p:ext uri="{BB962C8B-B14F-4D97-AF65-F5344CB8AC3E}">
        <p14:creationId xmlns:p14="http://schemas.microsoft.com/office/powerpoint/2010/main" val="408515490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6.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7.jp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7.jp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3" Type="http://schemas.openxmlformats.org/officeDocument/2006/relationships/image" Target="../media/image13.svg"/><Relationship Id="rId2" Type="http://schemas.openxmlformats.org/officeDocument/2006/relationships/image" Target="../media/image9.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67.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1.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69.xml.rels><?xml version="1.0" encoding="UTF-8" standalone="yes"?>
<Relationships xmlns="http://schemas.openxmlformats.org/package/2006/relationships"><Relationship Id="rId3" Type="http://schemas.openxmlformats.org/officeDocument/2006/relationships/image" Target="../media/image19.svg"/><Relationship Id="rId2" Type="http://schemas.openxmlformats.org/officeDocument/2006/relationships/image" Target="../media/image12.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7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7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15.jpeg"/><Relationship Id="rId1" Type="http://schemas.openxmlformats.org/officeDocument/2006/relationships/slideMaster" Target="../slideMasters/slideMaster1.xml"/></Relationships>
</file>

<file path=ppt/slideLayouts/_rels/slideLayout75.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6.png"/><Relationship Id="rId1" Type="http://schemas.openxmlformats.org/officeDocument/2006/relationships/slideMaster" Target="../slideMasters/slideMaster1.xml"/></Relationships>
</file>

<file path=ppt/slideLayouts/_rels/slideLayout76.xml.rels><?xml version="1.0" encoding="UTF-8" standalone="yes"?>
<Relationships xmlns="http://schemas.openxmlformats.org/package/2006/relationships"><Relationship Id="rId3" Type="http://schemas.openxmlformats.org/officeDocument/2006/relationships/image" Target="../media/image2.emf"/><Relationship Id="rId2" Type="http://schemas.openxmlformats.org/officeDocument/2006/relationships/image" Target="../media/image17.png"/><Relationship Id="rId1" Type="http://schemas.openxmlformats.org/officeDocument/2006/relationships/slideMaster" Target="../slideMasters/slideMaster1.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26.svg"/><Relationship Id="rId2" Type="http://schemas.openxmlformats.org/officeDocument/2006/relationships/image" Target="../media/image18.png"/><Relationship Id="rId1" Type="http://schemas.openxmlformats.org/officeDocument/2006/relationships/slideMaster" Target="../slideMasters/slideMaster1.xml"/><Relationship Id="rId4" Type="http://schemas.openxmlformats.org/officeDocument/2006/relationships/image" Target="../media/image2.emf"/></Relationships>
</file>

<file path=ppt/slideLayouts/_rels/slideLayout83.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emf"/><Relationship Id="rId1" Type="http://schemas.openxmlformats.org/officeDocument/2006/relationships/slideMaster" Target="../slideMasters/slideMaster1.xml"/><Relationship Id="rId4" Type="http://schemas.openxmlformats.org/officeDocument/2006/relationships/image" Target="../media/image26.svg"/></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9.png"/><Relationship Id="rId1" Type="http://schemas.openxmlformats.org/officeDocument/2006/relationships/slideMaster" Target="../slideMasters/slideMaster1.xml"/><Relationship Id="rId5" Type="http://schemas.openxmlformats.org/officeDocument/2006/relationships/image" Target="../media/image22.png"/><Relationship Id="rId4" Type="http://schemas.openxmlformats.org/officeDocument/2006/relationships/image" Target="../media/image21.png"/></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12" name="Group graphic">
            <a:extLst>
              <a:ext uri="{FF2B5EF4-FFF2-40B4-BE49-F238E27FC236}">
                <a16:creationId xmlns:a16="http://schemas.microsoft.com/office/drawing/2014/main" id="{3EBA888A-297B-2291-1EF3-12633C38BA55}"/>
              </a:ext>
            </a:extLst>
          </p:cNvPr>
          <p:cNvGrpSpPr>
            <a:grpSpLocks noGrp="1" noUngrp="1" noRot="1" noMove="1" noResize="1"/>
          </p:cNvGrpSpPr>
          <p:nvPr userDrawn="1"/>
        </p:nvGrpSpPr>
        <p:grpSpPr bwMode="invGray">
          <a:xfrm>
            <a:off x="6339596" y="0"/>
            <a:ext cx="5852404" cy="6858000"/>
            <a:chOff x="6396158" y="75416"/>
            <a:chExt cx="5852404" cy="6858000"/>
          </a:xfrm>
        </p:grpSpPr>
        <p:sp>
          <p:nvSpPr>
            <p:cNvPr id="14" name="Freeform 76">
              <a:extLst>
                <a:ext uri="{FF2B5EF4-FFF2-40B4-BE49-F238E27FC236}">
                  <a16:creationId xmlns:a16="http://schemas.microsoft.com/office/drawing/2014/main" id="{7370165F-583C-ECFF-8471-7BF343601CB3}"/>
                </a:ext>
              </a:extLst>
            </p:cNvPr>
            <p:cNvSpPr>
              <a:spLocks noGrp="1" noRot="1" noMove="1" noResize="1" noEditPoints="1" noAdjustHandles="1" noChangeArrowheads="1" noChangeShapeType="1"/>
            </p:cNvSpPr>
            <p:nvPr/>
          </p:nvSpPr>
          <p:spPr bwMode="invGray">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solidFill>
              <a:schemeClr val="accent1"/>
            </a:solidFill>
            <a:ln w="0" cap="flat">
              <a:noFill/>
              <a:prstDash val="solid"/>
              <a:miter/>
            </a:ln>
          </p:spPr>
          <p:txBody>
            <a:bodyPr rtlCol="0" anchor="ctr"/>
            <a:lstStyle/>
            <a:p>
              <a:endParaRPr lang="en-US" dirty="0"/>
            </a:p>
          </p:txBody>
        </p:sp>
        <p:sp>
          <p:nvSpPr>
            <p:cNvPr id="17" name="Freeform 21">
              <a:extLst>
                <a:ext uri="{FF2B5EF4-FFF2-40B4-BE49-F238E27FC236}">
                  <a16:creationId xmlns:a16="http://schemas.microsoft.com/office/drawing/2014/main" id="{2BF21013-0D39-C0A2-334D-D5CD42230EF1}"/>
                </a:ext>
              </a:extLst>
            </p:cNvPr>
            <p:cNvSpPr>
              <a:spLocks noGrp="1" noRot="1" noMove="1" noResize="1" noEditPoints="1" noAdjustHandles="1" noChangeArrowheads="1" noChangeShapeType="1"/>
            </p:cNvSpPr>
            <p:nvPr/>
          </p:nvSpPr>
          <p:spPr bwMode="invGray">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solidFill>
              <a:schemeClr val="accent1"/>
            </a:solidFill>
            <a:ln w="0" cap="flat">
              <a:noFill/>
              <a:prstDash val="solid"/>
              <a:miter/>
            </a:ln>
          </p:spPr>
          <p:txBody>
            <a:bodyPr rtlCol="0" anchor="ctr"/>
            <a:lstStyle/>
            <a:p>
              <a:endParaRPr lang="en-US" dirty="0"/>
            </a:p>
          </p:txBody>
        </p:sp>
        <p:sp>
          <p:nvSpPr>
            <p:cNvPr id="18" name="Freeform 23">
              <a:extLst>
                <a:ext uri="{FF2B5EF4-FFF2-40B4-BE49-F238E27FC236}">
                  <a16:creationId xmlns:a16="http://schemas.microsoft.com/office/drawing/2014/main" id="{B70B7DD5-9B78-F227-8AA6-035F4059A744}"/>
                </a:ext>
              </a:extLst>
            </p:cNvPr>
            <p:cNvSpPr>
              <a:spLocks noGrp="1" noRot="1" noMove="1" noResize="1" noEditPoints="1" noAdjustHandles="1" noChangeArrowheads="1" noChangeShapeType="1"/>
            </p:cNvSpPr>
            <p:nvPr/>
          </p:nvSpPr>
          <p:spPr bwMode="invGray">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solidFill>
              <a:schemeClr val="accent1"/>
            </a:solidFill>
            <a:ln w="0" cap="flat">
              <a:noFill/>
              <a:prstDash val="solid"/>
              <a:miter/>
            </a:ln>
          </p:spPr>
          <p:txBody>
            <a:bodyPr rtlCol="0" anchor="ctr"/>
            <a:lstStyle/>
            <a:p>
              <a:endParaRPr lang="en-US" dirty="0"/>
            </a:p>
          </p:txBody>
        </p:sp>
        <p:sp>
          <p:nvSpPr>
            <p:cNvPr id="19" name="Freeform 61">
              <a:extLst>
                <a:ext uri="{FF2B5EF4-FFF2-40B4-BE49-F238E27FC236}">
                  <a16:creationId xmlns:a16="http://schemas.microsoft.com/office/drawing/2014/main" id="{9948D461-B02F-7F25-37FF-91D6F22C2AD8}"/>
                </a:ext>
              </a:extLst>
            </p:cNvPr>
            <p:cNvSpPr>
              <a:spLocks noGrp="1" noRot="1" noMove="1" noResize="1" noEditPoints="1" noAdjustHandles="1" noChangeArrowheads="1" noChangeShapeType="1"/>
            </p:cNvSpPr>
            <p:nvPr/>
          </p:nvSpPr>
          <p:spPr bwMode="invGray">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solidFill>
              <a:schemeClr val="accent1"/>
            </a:solidFill>
            <a:ln w="0" cap="flat">
              <a:noFill/>
              <a:prstDash val="solid"/>
              <a:miter/>
            </a:ln>
          </p:spPr>
          <p:txBody>
            <a:bodyPr rtlCol="0" anchor="ctr"/>
            <a:lstStyle/>
            <a:p>
              <a:endParaRPr lang="en-US" dirty="0"/>
            </a:p>
          </p:txBody>
        </p:sp>
        <p:sp>
          <p:nvSpPr>
            <p:cNvPr id="20" name="Freeform 56">
              <a:extLst>
                <a:ext uri="{FF2B5EF4-FFF2-40B4-BE49-F238E27FC236}">
                  <a16:creationId xmlns:a16="http://schemas.microsoft.com/office/drawing/2014/main" id="{6344B2C4-7CF3-6B5C-48F0-CFEAEE94FA8C}"/>
                </a:ext>
              </a:extLst>
            </p:cNvPr>
            <p:cNvSpPr>
              <a:spLocks noGrp="1" noRot="1" noMove="1" noResize="1" noEditPoints="1" noAdjustHandles="1" noChangeArrowheads="1" noChangeShapeType="1"/>
            </p:cNvSpPr>
            <p:nvPr/>
          </p:nvSpPr>
          <p:spPr bwMode="invGray">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solidFill>
              <a:srgbClr val="DAFA87"/>
            </a:solidFill>
            <a:ln w="0" cap="flat">
              <a:noFill/>
              <a:prstDash val="solid"/>
              <a:miter/>
            </a:ln>
          </p:spPr>
          <p:txBody>
            <a:bodyPr rtlCol="0" anchor="ctr"/>
            <a:lstStyle/>
            <a:p>
              <a:endParaRPr lang="en-US" dirty="0"/>
            </a:p>
          </p:txBody>
        </p:sp>
        <p:sp>
          <p:nvSpPr>
            <p:cNvPr id="21" name="Freeform 67">
              <a:extLst>
                <a:ext uri="{FF2B5EF4-FFF2-40B4-BE49-F238E27FC236}">
                  <a16:creationId xmlns:a16="http://schemas.microsoft.com/office/drawing/2014/main" id="{4EA075C0-EAE6-6D23-0737-F38AB7C726E8}"/>
                </a:ext>
              </a:extLst>
            </p:cNvPr>
            <p:cNvSpPr>
              <a:spLocks noGrp="1" noRot="1" noMove="1" noResize="1" noEditPoints="1" noAdjustHandles="1" noChangeArrowheads="1" noChangeShapeType="1"/>
            </p:cNvSpPr>
            <p:nvPr userDrawn="1"/>
          </p:nvSpPr>
          <p:spPr bwMode="invGray">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2" name="Freeform 65">
              <a:extLst>
                <a:ext uri="{FF2B5EF4-FFF2-40B4-BE49-F238E27FC236}">
                  <a16:creationId xmlns:a16="http://schemas.microsoft.com/office/drawing/2014/main" id="{EDCA18F4-1173-720F-744E-24B43F445CD9}"/>
                </a:ext>
              </a:extLst>
            </p:cNvPr>
            <p:cNvSpPr>
              <a:spLocks noGrp="1" noRot="1" noMove="1" noResize="1" noEditPoints="1" noAdjustHandles="1" noChangeArrowheads="1" noChangeShapeType="1"/>
            </p:cNvSpPr>
            <p:nvPr userDrawn="1"/>
          </p:nvSpPr>
          <p:spPr bwMode="invGray">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1450800"/>
            <a:ext cx="5647100" cy="1820862"/>
          </a:xfrm>
          <a:noFill/>
        </p:spPr>
        <p:txBody>
          <a:bodyPr anchor="b" anchorCtr="0"/>
          <a:lstStyle>
            <a:lvl1pPr algn="l">
              <a:lnSpc>
                <a:spcPct val="85000"/>
              </a:lnSpc>
              <a:defRPr sz="6000" b="0">
                <a:solidFill>
                  <a:schemeClr val="accent1"/>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a:xfrm>
            <a:off x="360000" y="3654000"/>
            <a:ext cx="5647100" cy="2094338"/>
          </a:xfrm>
        </p:spPr>
        <p:txBody>
          <a:bodyPr/>
          <a:lstStyle>
            <a:lvl1pPr marL="0" indent="0">
              <a:lnSpc>
                <a:spcPct val="105000"/>
              </a:lnSpc>
              <a:buNone/>
              <a:defRPr sz="2200">
                <a:solidFill>
                  <a:schemeClr val="tx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5" name="Legal dynamic" descr="{&quot;templafy&quot;:{&quot;id&quot;:&quot;7b82a7a8-87ce-470c-af1c-66e9accdfdfc&quot;}}" title="Form.Cigna_Confidentiality.EvernorthConfidentiality">
            <a:extLst>
              <a:ext uri="{FF2B5EF4-FFF2-40B4-BE49-F238E27FC236}">
                <a16:creationId xmlns:a16="http://schemas.microsoft.com/office/drawing/2014/main" id="{9F01B46A-535C-85FD-CBBA-B7D9FD817E62}"/>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6" name="Internal Stamp dynamic" descr="{&quot;templafy&quot;:{&quot;id&quot;:&quot;f725c76f-570e-4822-a312-46625c04952d&quot;}}" title="Form.Cigna_Confidentiality.Cigna_confidentiality">
            <a:extLst>
              <a:ext uri="{FF2B5EF4-FFF2-40B4-BE49-F238E27FC236}">
                <a16:creationId xmlns:a16="http://schemas.microsoft.com/office/drawing/2014/main" id="{CC8FB2CC-F10A-4F4F-8F20-94D3B3E328E4}"/>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800217937" name="Dynamic logo hypermint" descr="{&quot;templafy&quot;:{&quot;id&quot;:&quot;7af04a7f-a468-43e4-9088-769d667b339e&quot;}}"/>
          <p:cNvPicPr>
            <a:picLocks noChangeAspect="1"/>
          </p:cNvPicPr>
          <p:nvPr/>
        </p:nvPicPr>
        <p:blipFill>
          <a:blip r:embed="rId2"/>
          <a:stretch>
            <a:fillRect/>
          </a:stretch>
        </p:blipFill>
        <p:spPr>
          <a:xfrm>
            <a:off x="346677" y="5882400"/>
            <a:ext cx="2145600" cy="756000"/>
          </a:xfrm>
          <a:prstGeom prst="rect">
            <a:avLst/>
          </a:prstGeom>
        </p:spPr>
      </p:pic>
      <p:sp>
        <p:nvSpPr>
          <p:cNvPr id="8" name="Slide Number Placeholder 7">
            <a:extLst>
              <a:ext uri="{FF2B5EF4-FFF2-40B4-BE49-F238E27FC236}">
                <a16:creationId xmlns:a16="http://schemas.microsoft.com/office/drawing/2014/main" id="{21368A12-6B46-AF9A-75FC-C94ECC08A3C2}"/>
              </a:ext>
            </a:extLst>
          </p:cNvPr>
          <p:cNvSpPr>
            <a:spLocks noGrp="1"/>
          </p:cNvSpPr>
          <p:nvPr>
            <p:ph type="sldNum" sz="quarter" idx="15"/>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3" name="Date Placeholder 2">
            <a:extLst>
              <a:ext uri="{FF2B5EF4-FFF2-40B4-BE49-F238E27FC236}">
                <a16:creationId xmlns:a16="http://schemas.microsoft.com/office/drawing/2014/main" id="{3D9B1E3C-F360-4A90-8639-3F017A5AEE73}"/>
              </a:ext>
            </a:extLst>
          </p:cNvPr>
          <p:cNvSpPr>
            <a:spLocks noGrp="1"/>
          </p:cNvSpPr>
          <p:nvPr>
            <p:ph type="dt" sz="half" idx="16"/>
          </p:nvPr>
        </p:nvSpPr>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27069129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300" userDrawn="1">
          <p15:clr>
            <a:srgbClr val="F26B43"/>
          </p15:clr>
        </p15:guide>
        <p15:guide id="2" orient="horz" pos="206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 Cover and Image">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5882400"/>
          </a:xfrm>
          <a:prstGeom prst="rect">
            <a:avLst/>
          </a:pr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4" name="Picture Placeholder 6">
            <a:extLst>
              <a:ext uri="{FF2B5EF4-FFF2-40B4-BE49-F238E27FC236}">
                <a16:creationId xmlns:a16="http://schemas.microsoft.com/office/drawing/2014/main" id="{9B5B5357-E1FE-2D5D-1E97-D6147AC6D55B}"/>
              </a:ext>
            </a:extLst>
          </p:cNvPr>
          <p:cNvSpPr>
            <a:spLocks noGrp="1"/>
          </p:cNvSpPr>
          <p:nvPr>
            <p:ph type="pic" sz="quarter" idx="16"/>
          </p:nvPr>
        </p:nvSpPr>
        <p:spPr>
          <a:xfrm>
            <a:off x="5690403" y="2"/>
            <a:ext cx="6501219" cy="5882398"/>
          </a:xfrm>
          <a:custGeom>
            <a:avLst/>
            <a:gdLst>
              <a:gd name="connsiteX0" fmla="*/ 4452578 w 6501219"/>
              <a:gd name="connsiteY0" fmla="*/ 0 h 5882398"/>
              <a:gd name="connsiteX1" fmla="*/ 6501219 w 6501219"/>
              <a:gd name="connsiteY1" fmla="*/ 0 h 5882398"/>
              <a:gd name="connsiteX2" fmla="*/ 6501219 w 6501219"/>
              <a:gd name="connsiteY2" fmla="*/ 5882398 h 5882398"/>
              <a:gd name="connsiteX3" fmla="*/ 0 w 6501219"/>
              <a:gd name="connsiteY3" fmla="*/ 5882398 h 5882398"/>
              <a:gd name="connsiteX4" fmla="*/ 0 w 6501219"/>
              <a:gd name="connsiteY4" fmla="*/ 4449965 h 5882398"/>
              <a:gd name="connsiteX5" fmla="*/ 3693 w 6501219"/>
              <a:gd name="connsiteY5" fmla="*/ 4376844 h 5882398"/>
              <a:gd name="connsiteX6" fmla="*/ 742025 w 6501219"/>
              <a:gd name="connsiteY6" fmla="*/ 3710572 h 5882398"/>
              <a:gd name="connsiteX7" fmla="*/ 3153904 w 6501219"/>
              <a:gd name="connsiteY7" fmla="*/ 3710572 h 5882398"/>
              <a:gd name="connsiteX8" fmla="*/ 3710432 w 6501219"/>
              <a:gd name="connsiteY8" fmla="*/ 3154043 h 5882398"/>
              <a:gd name="connsiteX9" fmla="*/ 3710432 w 6501219"/>
              <a:gd name="connsiteY9" fmla="*/ 742164 h 5882398"/>
              <a:gd name="connsiteX10" fmla="*/ 4376726 w 6501219"/>
              <a:gd name="connsiteY10" fmla="*/ 3830 h 5882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01219" h="5882398">
                <a:moveTo>
                  <a:pt x="4452578" y="0"/>
                </a:moveTo>
                <a:lnTo>
                  <a:pt x="6501219" y="0"/>
                </a:lnTo>
                <a:lnTo>
                  <a:pt x="6501219" y="5882398"/>
                </a:lnTo>
                <a:lnTo>
                  <a:pt x="0" y="5882398"/>
                </a:lnTo>
                <a:lnTo>
                  <a:pt x="0" y="4449965"/>
                </a:lnTo>
                <a:lnTo>
                  <a:pt x="3693" y="4376844"/>
                </a:lnTo>
                <a:cubicBezTo>
                  <a:pt x="41705" y="4002555"/>
                  <a:pt x="357813" y="3710572"/>
                  <a:pt x="742025" y="3710572"/>
                </a:cubicBezTo>
                <a:lnTo>
                  <a:pt x="3153904" y="3710572"/>
                </a:lnTo>
                <a:cubicBezTo>
                  <a:pt x="3461178" y="3710572"/>
                  <a:pt x="3710432" y="3461444"/>
                  <a:pt x="3710432" y="3154043"/>
                </a:cubicBezTo>
                <a:lnTo>
                  <a:pt x="3710432" y="742164"/>
                </a:lnTo>
                <a:cubicBezTo>
                  <a:pt x="3710432" y="357833"/>
                  <a:pt x="4002528" y="41829"/>
                  <a:pt x="4376726" y="3830"/>
                </a:cubicBezTo>
                <a:close/>
              </a:path>
            </a:pathLst>
          </a:custGeom>
          <a:solidFill>
            <a:schemeClr val="bg1">
              <a:lumMod val="85000"/>
            </a:schemeClr>
          </a:solidFill>
        </p:spPr>
        <p:txBody>
          <a:bodyPr wrap="square" lIns="3060000" anchor="ctr" anchorCtr="0">
            <a:noAutofit/>
          </a:bodyPr>
          <a:lstStyle>
            <a:lvl1pPr marL="0" indent="0" algn="ctr">
              <a:buNone/>
              <a:defRPr>
                <a:solidFill>
                  <a:schemeClr val="tx1"/>
                </a:solidFill>
              </a:defRPr>
            </a:lvl1pPr>
          </a:lstStyle>
          <a:p>
            <a:r>
              <a:rPr lang="en-US"/>
              <a:t>Click icon to add picture</a:t>
            </a:r>
          </a:p>
        </p:txBody>
      </p:sp>
      <p:sp>
        <p:nvSpPr>
          <p:cNvPr id="2" name="Title 1"/>
          <p:cNvSpPr>
            <a:spLocks noGrp="1"/>
          </p:cNvSpPr>
          <p:nvPr>
            <p:ph type="ctrTitle" hasCustomPrompt="1"/>
          </p:nvPr>
        </p:nvSpPr>
        <p:spPr>
          <a:xfrm>
            <a:off x="360000" y="1454400"/>
            <a:ext cx="4856400"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a:xfrm>
            <a:off x="360000" y="3654000"/>
            <a:ext cx="4856400" cy="2094338"/>
          </a:xfrm>
        </p:spPr>
        <p:txBody>
          <a:bodyPr/>
          <a:lstStyle>
            <a:lvl1pPr marL="0" indent="0">
              <a:lnSpc>
                <a:spcPct val="105000"/>
              </a:lnSpc>
              <a:buNone/>
              <a:defRPr sz="2200">
                <a:solidFill>
                  <a:srgbClr val="002F3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2" name="Slide Number Placeholder 11">
            <a:extLst>
              <a:ext uri="{FF2B5EF4-FFF2-40B4-BE49-F238E27FC236}">
                <a16:creationId xmlns:a16="http://schemas.microsoft.com/office/drawing/2014/main" id="{07FD3D6C-FCD8-F632-6BC8-2FE8AD58A4BD}"/>
              </a:ext>
            </a:extLst>
          </p:cNvPr>
          <p:cNvSpPr>
            <a:spLocks noGrp="1"/>
          </p:cNvSpPr>
          <p:nvPr>
            <p:ph type="sldNum" sz="quarter" idx="15"/>
          </p:nvPr>
        </p:nvSpPr>
        <p:spPr/>
        <p:txBody>
          <a:bodyPr/>
          <a:lstStyle/>
          <a:p>
            <a:fld id="{23AA811B-2EBD-4900-905E-5BE206449611}" type="slidenum">
              <a:rPr lang="en-US" smtClean="0"/>
              <a:pPr/>
              <a:t>‹#›</a:t>
            </a:fld>
            <a:endParaRPr lang="en-US" dirty="0"/>
          </a:p>
        </p:txBody>
      </p:sp>
      <p:sp>
        <p:nvSpPr>
          <p:cNvPr id="3" name="Date Placeholder 2">
            <a:extLst>
              <a:ext uri="{FF2B5EF4-FFF2-40B4-BE49-F238E27FC236}">
                <a16:creationId xmlns:a16="http://schemas.microsoft.com/office/drawing/2014/main" id="{DD26A517-A028-3529-8A81-9AF4890BB66F}"/>
              </a:ext>
            </a:extLst>
          </p:cNvPr>
          <p:cNvSpPr>
            <a:spLocks noGrp="1"/>
          </p:cNvSpPr>
          <p:nvPr>
            <p:ph type="dt" sz="half" idx="17"/>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477989034"/>
      </p:ext>
    </p:extLst>
  </p:cSld>
  <p:clrMapOvr>
    <a:masterClrMapping/>
  </p:clrMapOvr>
  <p:extLst>
    <p:ext uri="{DCECCB84-F9BA-43D5-87BE-67443E8EF086}">
      <p15:sldGuideLst xmlns:p15="http://schemas.microsoft.com/office/powerpoint/2012/main">
        <p15:guide id="1" orient="horz" pos="2300" userDrawn="1">
          <p15:clr>
            <a:srgbClr val="F26B43"/>
          </p15:clr>
        </p15:guide>
        <p15:guide id="2" orient="horz" pos="2064" userDrawn="1">
          <p15:clr>
            <a:srgbClr val="F26B43"/>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Agenda">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Title 3">
            <a:extLst>
              <a:ext uri="{FF2B5EF4-FFF2-40B4-BE49-F238E27FC236}">
                <a16:creationId xmlns:a16="http://schemas.microsoft.com/office/drawing/2014/main" id="{4DA34FC1-13BF-4B3F-3A43-4873DB519696}"/>
              </a:ext>
            </a:extLst>
          </p:cNvPr>
          <p:cNvSpPr>
            <a:spLocks noGrp="1"/>
          </p:cNvSpPr>
          <p:nvPr>
            <p:ph type="title" hasCustomPrompt="1"/>
          </p:nvPr>
        </p:nvSpPr>
        <p:spPr>
          <a:xfrm>
            <a:off x="360000" y="2203200"/>
            <a:ext cx="3704000" cy="3545138"/>
          </a:xfrm>
        </p:spPr>
        <p:txBody>
          <a:bodyPr/>
          <a:lstStyle>
            <a:lvl1pPr>
              <a:defRPr sz="4400" b="0">
                <a:solidFill>
                  <a:srgbClr val="035C67"/>
                </a:solidFill>
              </a:defRPr>
            </a:lvl1pPr>
          </a:lstStyle>
          <a:p>
            <a:r>
              <a:rPr lang="en-US" dirty="0"/>
              <a:t>Click to add Agenda title</a:t>
            </a:r>
            <a:endParaRPr lang="en-US"/>
          </a:p>
        </p:txBody>
      </p:sp>
      <p:sp>
        <p:nvSpPr>
          <p:cNvPr id="5" name="Text Placeholder 4">
            <a:extLst>
              <a:ext uri="{FF2B5EF4-FFF2-40B4-BE49-F238E27FC236}">
                <a16:creationId xmlns:a16="http://schemas.microsoft.com/office/drawing/2014/main" id="{DC660A57-127C-4DEF-AB06-FFF0DF48E8C9}"/>
              </a:ext>
            </a:extLst>
          </p:cNvPr>
          <p:cNvSpPr>
            <a:spLocks noGrp="1"/>
          </p:cNvSpPr>
          <p:nvPr>
            <p:ph type="body" sz="quarter" idx="17" hasCustomPrompt="1"/>
          </p:nvPr>
        </p:nvSpPr>
        <p:spPr>
          <a:xfrm>
            <a:off x="5214938" y="2366128"/>
            <a:ext cx="4673600" cy="3382209"/>
          </a:xfrm>
        </p:spPr>
        <p:txBody>
          <a:bodyPr tIns="0" anchor="t" anchorCtr="0"/>
          <a:lstStyle>
            <a:lvl1pPr marL="0" indent="0">
              <a:lnSpc>
                <a:spcPct val="100000"/>
              </a:lnSpc>
              <a:spcBef>
                <a:spcPts val="600"/>
              </a:spcBef>
              <a:spcAft>
                <a:spcPts val="0"/>
              </a:spcAft>
              <a:buFont typeface="Arial" panose="020B0604020202020204" pitchFamily="34" charset="0"/>
              <a:buChar char="​"/>
              <a:defRPr sz="2000">
                <a:solidFill>
                  <a:srgbClr val="002F32"/>
                </a:solidFill>
                <a:latin typeface="+mn-lt"/>
              </a:defRPr>
            </a:lvl1pPr>
            <a:lvl2pPr marL="0" indent="0">
              <a:lnSpc>
                <a:spcPct val="100000"/>
              </a:lnSpc>
              <a:spcBef>
                <a:spcPts val="600"/>
              </a:spcBef>
              <a:spcAft>
                <a:spcPts val="0"/>
              </a:spcAft>
              <a:buFont typeface="Arial" panose="020B0604020202020204" pitchFamily="34" charset="0"/>
              <a:buChar char="​"/>
              <a:defRPr sz="2000">
                <a:solidFill>
                  <a:srgbClr val="002F32"/>
                </a:solidFill>
                <a:latin typeface="+mn-lt"/>
              </a:defRPr>
            </a:lvl2pPr>
            <a:lvl3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3pPr>
            <a:lvl4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4pPr>
            <a:lvl5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5pPr>
            <a:lvl6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6pPr>
            <a:lvl7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7pPr>
            <a:lvl8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8pPr>
            <a:lvl9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9pPr>
          </a:lstStyle>
          <a:p>
            <a:pPr lvl="0"/>
            <a:r>
              <a:rPr lang="en-US" dirty="0"/>
              <a:t>Click to add agenda poin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6" name="Legal dynamic" descr="{&quot;templafy&quot;:{&quot;id&quot;:&quot;beebb8ec-92ca-4523-84f4-5f8229d73759&quot;}}" title="Form.Cigna_Confidentiality.EvernorthConfidentiality">
            <a:extLst>
              <a:ext uri="{FF2B5EF4-FFF2-40B4-BE49-F238E27FC236}">
                <a16:creationId xmlns:a16="http://schemas.microsoft.com/office/drawing/2014/main" id="{4AECE3EA-EFA7-0C7A-9472-5E4A770184C9}"/>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7" name="Internal Stamp dynamic" descr="{&quot;templafy&quot;:{&quot;id&quot;:&quot;2d7fadd8-fb87-4d7f-976e-36ca404f6499&quot;}}" title="Form.Cigna_Confidentiality.Cigna_confidentiality">
            <a:extLst>
              <a:ext uri="{FF2B5EF4-FFF2-40B4-BE49-F238E27FC236}">
                <a16:creationId xmlns:a16="http://schemas.microsoft.com/office/drawing/2014/main" id="{7E1D228E-376C-EFBD-BA9A-C012A20925C9}"/>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780882465" name="Dynamic logo dark mint" descr="{&quot;templafy&quot;:{&quot;id&quot;:&quot;960775a6-ff47-4aa9-af33-6918f20b3883&quot;}}"/>
          <p:cNvPicPr>
            <a:picLocks noChangeAspect="1"/>
          </p:cNvPicPr>
          <p:nvPr/>
        </p:nvPicPr>
        <p:blipFill>
          <a:blip r:embed="rId2"/>
          <a:stretch>
            <a:fillRect/>
          </a:stretch>
        </p:blipFill>
        <p:spPr>
          <a:xfrm>
            <a:off x="346677" y="5882400"/>
            <a:ext cx="2145600" cy="756000"/>
          </a:xfrm>
          <a:prstGeom prst="rect">
            <a:avLst/>
          </a:prstGeom>
        </p:spPr>
      </p:pic>
      <p:sp>
        <p:nvSpPr>
          <p:cNvPr id="6" name="Slide Number Placeholder 5">
            <a:extLst>
              <a:ext uri="{FF2B5EF4-FFF2-40B4-BE49-F238E27FC236}">
                <a16:creationId xmlns:a16="http://schemas.microsoft.com/office/drawing/2014/main" id="{4E2E63EE-F594-F896-5DA2-E913C014807D}"/>
              </a:ext>
            </a:extLst>
          </p:cNvPr>
          <p:cNvSpPr>
            <a:spLocks noGrp="1"/>
          </p:cNvSpPr>
          <p:nvPr>
            <p:ph type="sldNum" sz="quarter" idx="19"/>
          </p:nvPr>
        </p:nvSpPr>
        <p:spPr/>
        <p:txBody>
          <a:bodyPr/>
          <a:lstStyle/>
          <a:p>
            <a:fld id="{23AA811B-2EBD-4900-905E-5BE206449611}" type="slidenum">
              <a:rPr lang="en-US" smtClean="0"/>
              <a:pPr/>
              <a:t>‹#›</a:t>
            </a:fld>
            <a:endParaRPr lang="en-US" dirty="0"/>
          </a:p>
        </p:txBody>
      </p:sp>
      <p:sp>
        <p:nvSpPr>
          <p:cNvPr id="7" name="Date Placeholder 6">
            <a:extLst>
              <a:ext uri="{FF2B5EF4-FFF2-40B4-BE49-F238E27FC236}">
                <a16:creationId xmlns:a16="http://schemas.microsoft.com/office/drawing/2014/main" id="{9F1390C6-2354-CD16-EEB4-2EAD2276F7FF}"/>
              </a:ext>
            </a:extLst>
          </p:cNvPr>
          <p:cNvSpPr>
            <a:spLocks noGrp="1"/>
          </p:cNvSpPr>
          <p:nvPr>
            <p:ph type="dt" sz="half" idx="20"/>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19831753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accent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4" name="Title 3">
            <a:extLst>
              <a:ext uri="{FF2B5EF4-FFF2-40B4-BE49-F238E27FC236}">
                <a16:creationId xmlns:a16="http://schemas.microsoft.com/office/drawing/2014/main" id="{4DA34FC1-13BF-4B3F-3A43-4873DB519696}"/>
              </a:ext>
            </a:extLst>
          </p:cNvPr>
          <p:cNvSpPr>
            <a:spLocks noGrp="1"/>
          </p:cNvSpPr>
          <p:nvPr>
            <p:ph type="title" hasCustomPrompt="1"/>
          </p:nvPr>
        </p:nvSpPr>
        <p:spPr>
          <a:xfrm>
            <a:off x="360000" y="2203200"/>
            <a:ext cx="3704000" cy="3545138"/>
          </a:xfrm>
        </p:spPr>
        <p:txBody>
          <a:bodyPr/>
          <a:lstStyle>
            <a:lvl1pPr>
              <a:defRPr sz="4400" b="0">
                <a:solidFill>
                  <a:srgbClr val="3EFFC0"/>
                </a:solidFill>
              </a:defRPr>
            </a:lvl1pPr>
          </a:lstStyle>
          <a:p>
            <a:r>
              <a:rPr lang="en-US" dirty="0"/>
              <a:t>Click to add Agenda title</a:t>
            </a:r>
            <a:endParaRPr lang="en-US"/>
          </a:p>
        </p:txBody>
      </p:sp>
      <p:sp>
        <p:nvSpPr>
          <p:cNvPr id="12" name="Text Placeholder 4">
            <a:extLst>
              <a:ext uri="{FF2B5EF4-FFF2-40B4-BE49-F238E27FC236}">
                <a16:creationId xmlns:a16="http://schemas.microsoft.com/office/drawing/2014/main" id="{DDDDCD73-5AD2-864C-AC8A-B98929A7E5BB}"/>
              </a:ext>
            </a:extLst>
          </p:cNvPr>
          <p:cNvSpPr>
            <a:spLocks noGrp="1"/>
          </p:cNvSpPr>
          <p:nvPr>
            <p:ph type="body" sz="quarter" idx="17" hasCustomPrompt="1"/>
          </p:nvPr>
        </p:nvSpPr>
        <p:spPr>
          <a:xfrm>
            <a:off x="5214938" y="2366128"/>
            <a:ext cx="4673600" cy="3382209"/>
          </a:xfrm>
        </p:spPr>
        <p:txBody>
          <a:bodyPr tIns="0" anchor="t" anchorCtr="0"/>
          <a:lstStyle>
            <a:lvl1pPr marL="0" indent="0">
              <a:lnSpc>
                <a:spcPct val="100000"/>
              </a:lnSpc>
              <a:spcBef>
                <a:spcPts val="600"/>
              </a:spcBef>
              <a:spcAft>
                <a:spcPts val="0"/>
              </a:spcAft>
              <a:buFont typeface="Arial" panose="020B0604020202020204" pitchFamily="34" charset="0"/>
              <a:buChar char="​"/>
              <a:defRPr sz="2000">
                <a:solidFill>
                  <a:schemeClr val="tx2"/>
                </a:solidFill>
                <a:latin typeface="+mn-lt"/>
              </a:defRPr>
            </a:lvl1pPr>
            <a:lvl2pPr marL="0" indent="0">
              <a:lnSpc>
                <a:spcPct val="100000"/>
              </a:lnSpc>
              <a:spcBef>
                <a:spcPts val="600"/>
              </a:spcBef>
              <a:spcAft>
                <a:spcPts val="0"/>
              </a:spcAft>
              <a:buFont typeface="Arial" panose="020B0604020202020204" pitchFamily="34" charset="0"/>
              <a:buChar char="​"/>
              <a:defRPr sz="2000">
                <a:solidFill>
                  <a:schemeClr val="tx2"/>
                </a:solidFill>
                <a:latin typeface="+mn-lt"/>
              </a:defRPr>
            </a:lvl2pPr>
            <a:lvl3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3pPr>
            <a:lvl4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4pPr>
            <a:lvl5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5pPr>
            <a:lvl6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6pPr>
            <a:lvl7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7pPr>
            <a:lvl8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8pPr>
            <a:lvl9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9pPr>
          </a:lstStyle>
          <a:p>
            <a:pPr lvl="0"/>
            <a:r>
              <a:rPr lang="en-US" dirty="0"/>
              <a:t>Click to add agenda poin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1" name="Slide Number Placeholder 10">
            <a:extLst>
              <a:ext uri="{FF2B5EF4-FFF2-40B4-BE49-F238E27FC236}">
                <a16:creationId xmlns:a16="http://schemas.microsoft.com/office/drawing/2014/main" id="{B0FD35E2-F2E6-6653-29B2-8F6E539CF094}"/>
              </a:ext>
            </a:extLst>
          </p:cNvPr>
          <p:cNvSpPr>
            <a:spLocks noGrp="1"/>
          </p:cNvSpPr>
          <p:nvPr>
            <p:ph type="sldNum" sz="quarter" idx="19"/>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2" name="Legal dynamic" descr="{&quot;templafy&quot;:{&quot;id&quot;:&quot;49e769e0-b764-4317-ae15-5320dd71bcb8&quot;}}" title="Form.Cigna_Confidentiality.EvernorthConfidentiality">
            <a:extLst>
              <a:ext uri="{FF2B5EF4-FFF2-40B4-BE49-F238E27FC236}">
                <a16:creationId xmlns:a16="http://schemas.microsoft.com/office/drawing/2014/main" id="{268C503F-CFE7-20E6-FBC5-DED9DAB603E9}"/>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3b7a5ef4-cee5-42c3-9436-93b89efdd8a8&quot;}}" title="Form.Cigna_Confidentiality.Cigna_confidentiality">
            <a:extLst>
              <a:ext uri="{FF2B5EF4-FFF2-40B4-BE49-F238E27FC236}">
                <a16:creationId xmlns:a16="http://schemas.microsoft.com/office/drawing/2014/main" id="{740196C2-8B6F-D9C8-1E6D-B5A8BE52DF38}"/>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861543272" name="Dynamic logo hypermint" descr="{&quot;templafy&quot;:{&quot;id&quot;:&quot;63f43e16-c218-4a80-90c4-ad54677d47f9&quot;}}"/>
          <p:cNvPicPr>
            <a:picLocks noChangeAspect="1"/>
          </p:cNvPicPr>
          <p:nvPr/>
        </p:nvPicPr>
        <p:blipFill>
          <a:blip r:embed="rId2"/>
          <a:stretch>
            <a:fillRect/>
          </a:stretch>
        </p:blipFill>
        <p:spPr>
          <a:xfrm>
            <a:off x="346677" y="5882400"/>
            <a:ext cx="2145600" cy="756000"/>
          </a:xfrm>
          <a:prstGeom prst="rect">
            <a:avLst/>
          </a:prstGeom>
        </p:spPr>
      </p:pic>
      <p:sp>
        <p:nvSpPr>
          <p:cNvPr id="5" name="Date Placeholder 4">
            <a:extLst>
              <a:ext uri="{FF2B5EF4-FFF2-40B4-BE49-F238E27FC236}">
                <a16:creationId xmlns:a16="http://schemas.microsoft.com/office/drawing/2014/main" id="{B62E4723-786B-C72A-A327-E0A4424C20AD}"/>
              </a:ext>
            </a:extLst>
          </p:cNvPr>
          <p:cNvSpPr>
            <a:spLocks noGrp="1"/>
          </p:cNvSpPr>
          <p:nvPr>
            <p:ph type="dt" sz="half" idx="20"/>
          </p:nvPr>
        </p:nvSpPr>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855905434"/>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C. Agenda">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5" name="Cross">
            <a:extLst>
              <a:ext uri="{FF2B5EF4-FFF2-40B4-BE49-F238E27FC236}">
                <a16:creationId xmlns:a16="http://schemas.microsoft.com/office/drawing/2014/main" id="{C92FFFE7-8E9A-29A5-E96E-755AE42D9D15}"/>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 xmlns:asvg="http://schemas.microsoft.com/office/drawing/2016/SVG/main" r:embed="rId3"/>
              </a:ext>
            </a:extLst>
          </a:blip>
          <a:stretch>
            <a:fillRect/>
          </a:stretch>
        </p:blipFill>
        <p:spPr>
          <a:xfrm>
            <a:off x="0" y="0"/>
            <a:ext cx="12192000" cy="6858000"/>
          </a:xfrm>
          <a:prstGeom prst="rect">
            <a:avLst/>
          </a:prstGeom>
        </p:spPr>
      </p:pic>
      <p:sp>
        <p:nvSpPr>
          <p:cNvPr id="6" name="Title 3">
            <a:extLst>
              <a:ext uri="{FF2B5EF4-FFF2-40B4-BE49-F238E27FC236}">
                <a16:creationId xmlns:a16="http://schemas.microsoft.com/office/drawing/2014/main" id="{4D34514C-F316-0E5D-62BD-5EAD744962E2}"/>
              </a:ext>
            </a:extLst>
          </p:cNvPr>
          <p:cNvSpPr>
            <a:spLocks noGrp="1"/>
          </p:cNvSpPr>
          <p:nvPr>
            <p:ph type="title" hasCustomPrompt="1"/>
          </p:nvPr>
        </p:nvSpPr>
        <p:spPr>
          <a:xfrm>
            <a:off x="360000" y="2203200"/>
            <a:ext cx="3704000" cy="3545138"/>
          </a:xfrm>
        </p:spPr>
        <p:txBody>
          <a:bodyPr/>
          <a:lstStyle>
            <a:lvl1pPr>
              <a:defRPr sz="4400" b="0">
                <a:solidFill>
                  <a:srgbClr val="035C67"/>
                </a:solidFill>
              </a:defRPr>
            </a:lvl1pPr>
          </a:lstStyle>
          <a:p>
            <a:r>
              <a:rPr lang="en-US" dirty="0"/>
              <a:t>Click to add Agenda title</a:t>
            </a:r>
            <a:endParaRPr lang="en-US"/>
          </a:p>
        </p:txBody>
      </p:sp>
      <p:sp>
        <p:nvSpPr>
          <p:cNvPr id="10" name="Text Placeholder 4">
            <a:extLst>
              <a:ext uri="{FF2B5EF4-FFF2-40B4-BE49-F238E27FC236}">
                <a16:creationId xmlns:a16="http://schemas.microsoft.com/office/drawing/2014/main" id="{54633038-2425-0DD8-C475-EB72D5A41B0D}"/>
              </a:ext>
            </a:extLst>
          </p:cNvPr>
          <p:cNvSpPr>
            <a:spLocks noGrp="1"/>
          </p:cNvSpPr>
          <p:nvPr>
            <p:ph type="body" sz="quarter" idx="17" hasCustomPrompt="1"/>
          </p:nvPr>
        </p:nvSpPr>
        <p:spPr>
          <a:xfrm>
            <a:off x="5214938" y="2366128"/>
            <a:ext cx="4673600" cy="3382209"/>
          </a:xfrm>
        </p:spPr>
        <p:txBody>
          <a:bodyPr tIns="0" anchor="t" anchorCtr="0"/>
          <a:lstStyle>
            <a:lvl1pPr marL="0" indent="0">
              <a:lnSpc>
                <a:spcPct val="100000"/>
              </a:lnSpc>
              <a:spcBef>
                <a:spcPts val="600"/>
              </a:spcBef>
              <a:spcAft>
                <a:spcPts val="0"/>
              </a:spcAft>
              <a:buFont typeface="Arial" panose="020B0604020202020204" pitchFamily="34" charset="0"/>
              <a:buChar char="​"/>
              <a:defRPr sz="2000">
                <a:solidFill>
                  <a:srgbClr val="002F32"/>
                </a:solidFill>
                <a:latin typeface="+mn-lt"/>
              </a:defRPr>
            </a:lvl1pPr>
            <a:lvl2pPr marL="0" indent="0">
              <a:lnSpc>
                <a:spcPct val="100000"/>
              </a:lnSpc>
              <a:spcBef>
                <a:spcPts val="600"/>
              </a:spcBef>
              <a:spcAft>
                <a:spcPts val="0"/>
              </a:spcAft>
              <a:buFont typeface="Arial" panose="020B0604020202020204" pitchFamily="34" charset="0"/>
              <a:buChar char="​"/>
              <a:defRPr sz="2000">
                <a:solidFill>
                  <a:srgbClr val="002F32"/>
                </a:solidFill>
                <a:latin typeface="+mn-lt"/>
              </a:defRPr>
            </a:lvl2pPr>
            <a:lvl3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3pPr>
            <a:lvl4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4pPr>
            <a:lvl5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5pPr>
            <a:lvl6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6pPr>
            <a:lvl7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7pPr>
            <a:lvl8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8pPr>
            <a:lvl9pPr marL="0" indent="0">
              <a:lnSpc>
                <a:spcPct val="100000"/>
              </a:lnSpc>
              <a:spcBef>
                <a:spcPts val="600"/>
              </a:spcBef>
              <a:spcAft>
                <a:spcPts val="0"/>
              </a:spcAft>
              <a:buFont typeface="Arial" panose="020B0604020202020204" pitchFamily="34" charset="0"/>
              <a:buChar char="​"/>
              <a:defRPr sz="2000" b="0">
                <a:solidFill>
                  <a:srgbClr val="002F32"/>
                </a:solidFill>
                <a:latin typeface="+mn-lt"/>
              </a:defRPr>
            </a:lvl9pPr>
          </a:lstStyle>
          <a:p>
            <a:pPr lvl="0"/>
            <a:r>
              <a:rPr lang="en-US" dirty="0"/>
              <a:t>Click to add agenda poin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6" name="Legal dynamic" descr="{&quot;templafy&quot;:{&quot;id&quot;:&quot;d8f68ba3-45a3-4a00-8b43-9861c198dcdb&quot;}}" title="Form.Cigna_Confidentiality.EvernorthConfidentiality">
            <a:extLst>
              <a:ext uri="{FF2B5EF4-FFF2-40B4-BE49-F238E27FC236}">
                <a16:creationId xmlns:a16="http://schemas.microsoft.com/office/drawing/2014/main" id="{4AECE3EA-EFA7-0C7A-9472-5E4A770184C9}"/>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7" name="Internal Stamp dynamic" descr="{&quot;templafy&quot;:{&quot;id&quot;:&quot;da5cb888-1abf-40b0-89f3-d41eb1767343&quot;}}" title="Form.Cigna_Confidentiality.Cigna_confidentiality">
            <a:extLst>
              <a:ext uri="{FF2B5EF4-FFF2-40B4-BE49-F238E27FC236}">
                <a16:creationId xmlns:a16="http://schemas.microsoft.com/office/drawing/2014/main" id="{7E1D228E-376C-EFBD-BA9A-C012A20925C9}"/>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584014697" name="Dynamic logo dark mint" descr="{&quot;templafy&quot;:{&quot;id&quot;:&quot;68e54485-3653-4741-8b44-bfbc10b9b3f1&quot;}}"/>
          <p:cNvPicPr>
            <a:picLocks noChangeAspect="1"/>
          </p:cNvPicPr>
          <p:nvPr/>
        </p:nvPicPr>
        <p:blipFill>
          <a:blip r:embed="rId4"/>
          <a:stretch>
            <a:fillRect/>
          </a:stretch>
        </p:blipFill>
        <p:spPr>
          <a:xfrm>
            <a:off x="346677" y="5882400"/>
            <a:ext cx="2145600" cy="756000"/>
          </a:xfrm>
          <a:prstGeom prst="rect">
            <a:avLst/>
          </a:prstGeom>
        </p:spPr>
      </p:pic>
      <p:sp>
        <p:nvSpPr>
          <p:cNvPr id="11" name="Slide Number Placeholder 10">
            <a:extLst>
              <a:ext uri="{FF2B5EF4-FFF2-40B4-BE49-F238E27FC236}">
                <a16:creationId xmlns:a16="http://schemas.microsoft.com/office/drawing/2014/main" id="{B0FD35E2-F2E6-6653-29B2-8F6E539CF094}"/>
              </a:ext>
            </a:extLst>
          </p:cNvPr>
          <p:cNvSpPr>
            <a:spLocks noGrp="1"/>
          </p:cNvSpPr>
          <p:nvPr>
            <p:ph type="sldNum" sz="quarter" idx="19"/>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C4C0564F-D334-5761-0C1D-5F68C09B2ED0}"/>
              </a:ext>
            </a:extLst>
          </p:cNvPr>
          <p:cNvSpPr>
            <a:spLocks noGrp="1"/>
          </p:cNvSpPr>
          <p:nvPr>
            <p:ph type="dt" sz="half" idx="20"/>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418454614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 Agenda">
    <p:bg>
      <p:bgPr>
        <a:solidFill>
          <a:schemeClr val="accent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4" name="Cross">
            <a:extLst>
              <a:ext uri="{FF2B5EF4-FFF2-40B4-BE49-F238E27FC236}">
                <a16:creationId xmlns:a16="http://schemas.microsoft.com/office/drawing/2014/main" id="{6234A7BA-CD99-F7D2-315B-55E68AA7F64D}"/>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 xmlns:asvg="http://schemas.microsoft.com/office/drawing/2016/SVG/main" r:embed="rId3"/>
              </a:ext>
            </a:extLst>
          </a:blip>
          <a:stretch>
            <a:fillRect/>
          </a:stretch>
        </p:blipFill>
        <p:spPr>
          <a:xfrm>
            <a:off x="0" y="0"/>
            <a:ext cx="12192000" cy="6858000"/>
          </a:xfrm>
          <a:prstGeom prst="rect">
            <a:avLst/>
          </a:prstGeom>
        </p:spPr>
      </p:pic>
      <p:sp>
        <p:nvSpPr>
          <p:cNvPr id="10" name="Title 3">
            <a:extLst>
              <a:ext uri="{FF2B5EF4-FFF2-40B4-BE49-F238E27FC236}">
                <a16:creationId xmlns:a16="http://schemas.microsoft.com/office/drawing/2014/main" id="{78022C7D-B0E0-FB0C-2163-0578935E5443}"/>
              </a:ext>
            </a:extLst>
          </p:cNvPr>
          <p:cNvSpPr>
            <a:spLocks noGrp="1"/>
          </p:cNvSpPr>
          <p:nvPr>
            <p:ph type="title" hasCustomPrompt="1"/>
          </p:nvPr>
        </p:nvSpPr>
        <p:spPr>
          <a:xfrm>
            <a:off x="360000" y="2203200"/>
            <a:ext cx="3704000" cy="3545138"/>
          </a:xfrm>
        </p:spPr>
        <p:txBody>
          <a:bodyPr/>
          <a:lstStyle>
            <a:lvl1pPr>
              <a:defRPr sz="4400" b="0">
                <a:solidFill>
                  <a:srgbClr val="3EFFC0"/>
                </a:solidFill>
              </a:defRPr>
            </a:lvl1pPr>
          </a:lstStyle>
          <a:p>
            <a:r>
              <a:rPr lang="en-US" dirty="0"/>
              <a:t>Click to add Agenda title</a:t>
            </a:r>
            <a:endParaRPr lang="en-US"/>
          </a:p>
        </p:txBody>
      </p:sp>
      <p:sp>
        <p:nvSpPr>
          <p:cNvPr id="12" name="Text Placeholder 4">
            <a:extLst>
              <a:ext uri="{FF2B5EF4-FFF2-40B4-BE49-F238E27FC236}">
                <a16:creationId xmlns:a16="http://schemas.microsoft.com/office/drawing/2014/main" id="{0A9FA44A-FD02-40DB-44D6-98C06C0333A0}"/>
              </a:ext>
            </a:extLst>
          </p:cNvPr>
          <p:cNvSpPr>
            <a:spLocks noGrp="1"/>
          </p:cNvSpPr>
          <p:nvPr>
            <p:ph type="body" sz="quarter" idx="17" hasCustomPrompt="1"/>
          </p:nvPr>
        </p:nvSpPr>
        <p:spPr>
          <a:xfrm>
            <a:off x="5214938" y="2366128"/>
            <a:ext cx="4673600" cy="3382209"/>
          </a:xfrm>
        </p:spPr>
        <p:txBody>
          <a:bodyPr tIns="0" anchor="t" anchorCtr="0"/>
          <a:lstStyle>
            <a:lvl1pPr marL="0" indent="0">
              <a:lnSpc>
                <a:spcPct val="100000"/>
              </a:lnSpc>
              <a:spcBef>
                <a:spcPts val="600"/>
              </a:spcBef>
              <a:spcAft>
                <a:spcPts val="0"/>
              </a:spcAft>
              <a:buFont typeface="Arial" panose="020B0604020202020204" pitchFamily="34" charset="0"/>
              <a:buChar char="​"/>
              <a:defRPr sz="2000">
                <a:solidFill>
                  <a:schemeClr val="tx2"/>
                </a:solidFill>
                <a:latin typeface="+mn-lt"/>
              </a:defRPr>
            </a:lvl1pPr>
            <a:lvl2pPr marL="0" indent="0">
              <a:lnSpc>
                <a:spcPct val="100000"/>
              </a:lnSpc>
              <a:spcBef>
                <a:spcPts val="600"/>
              </a:spcBef>
              <a:spcAft>
                <a:spcPts val="0"/>
              </a:spcAft>
              <a:buFont typeface="Arial" panose="020B0604020202020204" pitchFamily="34" charset="0"/>
              <a:buChar char="​"/>
              <a:defRPr sz="2000">
                <a:solidFill>
                  <a:schemeClr val="tx2"/>
                </a:solidFill>
                <a:latin typeface="+mn-lt"/>
              </a:defRPr>
            </a:lvl2pPr>
            <a:lvl3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3pPr>
            <a:lvl4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4pPr>
            <a:lvl5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5pPr>
            <a:lvl6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6pPr>
            <a:lvl7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7pPr>
            <a:lvl8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8pPr>
            <a:lvl9pPr marL="0" indent="0">
              <a:lnSpc>
                <a:spcPct val="100000"/>
              </a:lnSpc>
              <a:spcBef>
                <a:spcPts val="600"/>
              </a:spcBef>
              <a:spcAft>
                <a:spcPts val="0"/>
              </a:spcAft>
              <a:buFont typeface="Arial" panose="020B0604020202020204" pitchFamily="34" charset="0"/>
              <a:buChar char="​"/>
              <a:defRPr sz="2000" b="0">
                <a:solidFill>
                  <a:schemeClr val="tx2"/>
                </a:solidFill>
                <a:latin typeface="+mn-lt"/>
              </a:defRPr>
            </a:lvl9pPr>
          </a:lstStyle>
          <a:p>
            <a:pPr lvl="0"/>
            <a:r>
              <a:rPr lang="en-US" dirty="0"/>
              <a:t>Click to add agenda poin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2" name="Legal dynamic" descr="{&quot;templafy&quot;:{&quot;id&quot;:&quot;a5c87061-9d41-4f40-bb00-aa04ca167443&quot;}}" title="Form.Cigna_Confidentiality.EvernorthConfidentiality">
            <a:extLst>
              <a:ext uri="{FF2B5EF4-FFF2-40B4-BE49-F238E27FC236}">
                <a16:creationId xmlns:a16="http://schemas.microsoft.com/office/drawing/2014/main" id="{268C503F-CFE7-20E6-FBC5-DED9DAB603E9}"/>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c230333d-4a28-4a3d-b578-334a02765cd7&quot;}}" title="Form.Cigna_Confidentiality.Cigna_confidentiality">
            <a:extLst>
              <a:ext uri="{FF2B5EF4-FFF2-40B4-BE49-F238E27FC236}">
                <a16:creationId xmlns:a16="http://schemas.microsoft.com/office/drawing/2014/main" id="{740196C2-8B6F-D9C8-1E6D-B5A8BE52DF38}"/>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004840779" name="Dynamic logo hypermint" descr="{&quot;templafy&quot;:{&quot;id&quot;:&quot;9ab5db43-f34c-4ff0-961f-e7d578281d63&quot;}}"/>
          <p:cNvPicPr>
            <a:picLocks noChangeAspect="1"/>
          </p:cNvPicPr>
          <p:nvPr/>
        </p:nvPicPr>
        <p:blipFill>
          <a:blip r:embed="rId4"/>
          <a:stretch>
            <a:fillRect/>
          </a:stretch>
        </p:blipFill>
        <p:spPr>
          <a:xfrm>
            <a:off x="346677" y="5882400"/>
            <a:ext cx="2145600" cy="756000"/>
          </a:xfrm>
          <a:prstGeom prst="rect">
            <a:avLst/>
          </a:prstGeom>
        </p:spPr>
      </p:pic>
      <p:sp>
        <p:nvSpPr>
          <p:cNvPr id="11" name="Slide Number Placeholder 10">
            <a:extLst>
              <a:ext uri="{FF2B5EF4-FFF2-40B4-BE49-F238E27FC236}">
                <a16:creationId xmlns:a16="http://schemas.microsoft.com/office/drawing/2014/main" id="{B0FD35E2-F2E6-6653-29B2-8F6E539CF094}"/>
              </a:ext>
            </a:extLst>
          </p:cNvPr>
          <p:cNvSpPr>
            <a:spLocks noGrp="1"/>
          </p:cNvSpPr>
          <p:nvPr>
            <p:ph type="sldNum" sz="quarter" idx="19"/>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5" name="Date Placeholder 4">
            <a:extLst>
              <a:ext uri="{FF2B5EF4-FFF2-40B4-BE49-F238E27FC236}">
                <a16:creationId xmlns:a16="http://schemas.microsoft.com/office/drawing/2014/main" id="{9DD83E58-B5E2-834D-3ED1-7D8793FADA93}"/>
              </a:ext>
            </a:extLst>
          </p:cNvPr>
          <p:cNvSpPr>
            <a:spLocks noGrp="1"/>
          </p:cNvSpPr>
          <p:nvPr>
            <p:ph type="dt" sz="half" idx="20"/>
          </p:nvPr>
        </p:nvSpPr>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16246524"/>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25" name="Group 24">
            <a:extLst>
              <a:ext uri="{FF2B5EF4-FFF2-40B4-BE49-F238E27FC236}">
                <a16:creationId xmlns:a16="http://schemas.microsoft.com/office/drawing/2014/main" id="{53A2A458-7D49-075B-F0E7-416509352419}"/>
              </a:ext>
            </a:extLst>
          </p:cNvPr>
          <p:cNvGrpSpPr>
            <a:grpSpLocks noGrp="1" noUngrp="1" noRot="1" noMove="1" noResize="1"/>
          </p:cNvGrpSpPr>
          <p:nvPr userDrawn="1"/>
        </p:nvGrpSpPr>
        <p:grpSpPr>
          <a:xfrm>
            <a:off x="6234988" y="0"/>
            <a:ext cx="5957012" cy="6097377"/>
            <a:chOff x="6234988" y="0"/>
            <a:chExt cx="5957012" cy="6097377"/>
          </a:xfrm>
        </p:grpSpPr>
        <p:sp>
          <p:nvSpPr>
            <p:cNvPr id="15" name="Freeform: Shape 14">
              <a:extLst>
                <a:ext uri="{FF2B5EF4-FFF2-40B4-BE49-F238E27FC236}">
                  <a16:creationId xmlns:a16="http://schemas.microsoft.com/office/drawing/2014/main" id="{1593D17A-5FF8-E36B-CE4F-460A94562EC1}"/>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solidFill>
              <a:srgbClr val="3EFFC0"/>
            </a:solidFill>
            <a:ln w="0"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51606439-6BD3-9643-2882-1978D2AE902F}"/>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solidFill>
              <a:srgbClr val="3EFFC0"/>
            </a:solidFill>
            <a:ln w="0"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ADF1028D-825E-168C-FFFE-B96D9992B3EF}"/>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solidFill>
              <a:srgbClr val="3EFFC0"/>
            </a:solidFill>
            <a:ln w="0"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1D124D34-84E7-DF5D-B26C-14194E8D5A5B}"/>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solidFill>
              <a:srgbClr val="3EFFC0"/>
            </a:solid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16" name="Legal dynamic" descr="{&quot;templafy&quot;:{&quot;id&quot;:&quot;5d23dade-5806-4379-9777-82bf33c59223&quot;}}" title="Form.Cigna_Confidentiality.EvernorthConfidentiality">
            <a:extLst>
              <a:ext uri="{FF2B5EF4-FFF2-40B4-BE49-F238E27FC236}">
                <a16:creationId xmlns:a16="http://schemas.microsoft.com/office/drawing/2014/main" id="{EC7B1EFD-412E-EB56-9099-15250DADADA6}"/>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8" name="Internal Stamp dynamic" descr="{&quot;templafy&quot;:{&quot;id&quot;:&quot;ef4d4622-4c1e-458b-872f-0f863c70a4c0&quot;}}" title="Form.Cigna_Confidentiality.Cigna_confidentiality">
            <a:extLst>
              <a:ext uri="{FF2B5EF4-FFF2-40B4-BE49-F238E27FC236}">
                <a16:creationId xmlns:a16="http://schemas.microsoft.com/office/drawing/2014/main" id="{D48A58BB-7C46-82BD-4E2D-A6FF95A7CD8D}"/>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954332023" name="Dynamic logo hypermint" descr="{&quot;templafy&quot;:{&quot;id&quot;:&quot;db0f958e-a35d-4919-bb08-8088789af852&quot;}}"/>
          <p:cNvPicPr>
            <a:picLocks noChangeAspect="1"/>
          </p:cNvPicPr>
          <p:nvPr/>
        </p:nvPicPr>
        <p:blipFill>
          <a:blip r:embed="rId2"/>
          <a:stretch>
            <a:fillRect/>
          </a:stretch>
        </p:blipFill>
        <p:spPr>
          <a:xfrm>
            <a:off x="346677" y="5882400"/>
            <a:ext cx="2145600" cy="756000"/>
          </a:xfrm>
          <a:prstGeom prst="rect">
            <a:avLst/>
          </a:prstGeom>
        </p:spPr>
      </p:pic>
      <p:sp>
        <p:nvSpPr>
          <p:cNvPr id="3" name="Date Placeholder 2">
            <a:extLst>
              <a:ext uri="{FF2B5EF4-FFF2-40B4-BE49-F238E27FC236}">
                <a16:creationId xmlns:a16="http://schemas.microsoft.com/office/drawing/2014/main" id="{82815DC7-E66B-71D2-0B5B-EDAC1F4C97BC}"/>
              </a:ext>
            </a:extLst>
          </p:cNvPr>
          <p:cNvSpPr>
            <a:spLocks noGrp="1"/>
          </p:cNvSpPr>
          <p:nvPr>
            <p:ph type="dt" sz="half" idx="13"/>
          </p:nvPr>
        </p:nvSpPr>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1.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2">
            <a:extLst>
              <a:ext uri="{FF2B5EF4-FFF2-40B4-BE49-F238E27FC236}">
                <a16:creationId xmlns:a16="http://schemas.microsoft.com/office/drawing/2014/main" id="{4182E82E-2C9A-B379-065F-0F6B3D4B1F60}"/>
              </a:ext>
            </a:extLst>
          </p:cNvPr>
          <p:cNvGrpSpPr>
            <a:grpSpLocks noGrp="1" noUngrp="1" noRot="1" noMove="1" noResize="1"/>
          </p:cNvGrpSpPr>
          <p:nvPr userDrawn="1"/>
        </p:nvGrpSpPr>
        <p:grpSpPr>
          <a:xfrm>
            <a:off x="6234988" y="0"/>
            <a:ext cx="5957012" cy="6097377"/>
            <a:chOff x="6234988" y="0"/>
            <a:chExt cx="5957012" cy="6097377"/>
          </a:xfrm>
          <a:solidFill>
            <a:srgbClr val="DAFA87"/>
          </a:solidFill>
        </p:grpSpPr>
        <p:sp>
          <p:nvSpPr>
            <p:cNvPr id="4" name="Freeform: Shape 3">
              <a:extLst>
                <a:ext uri="{FF2B5EF4-FFF2-40B4-BE49-F238E27FC236}">
                  <a16:creationId xmlns:a16="http://schemas.microsoft.com/office/drawing/2014/main" id="{35D48A27-DFCE-B5A1-0332-9513EB186BB4}"/>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5" name="Freeform: Shape 4">
              <a:extLst>
                <a:ext uri="{FF2B5EF4-FFF2-40B4-BE49-F238E27FC236}">
                  <a16:creationId xmlns:a16="http://schemas.microsoft.com/office/drawing/2014/main" id="{0877405B-4912-0B09-FB06-93CD5FEE8CDD}"/>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6" name="Freeform: Shape 5">
              <a:extLst>
                <a:ext uri="{FF2B5EF4-FFF2-40B4-BE49-F238E27FC236}">
                  <a16:creationId xmlns:a16="http://schemas.microsoft.com/office/drawing/2014/main" id="{982019F4-3164-E423-3AC3-C3ECCBCCF905}"/>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656EDD01-43F3-2A64-8C27-417122A02DE9}"/>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6" name="Legal dynamic" descr="{&quot;templafy&quot;:{&quot;id&quot;:&quot;31d9b36e-7255-43c2-9a20-aee42c012d23&quot;}}" title="Form.Cigna_Confidentiality.EvernorthConfidentiality">
            <a:extLst>
              <a:ext uri="{FF2B5EF4-FFF2-40B4-BE49-F238E27FC236}">
                <a16:creationId xmlns:a16="http://schemas.microsoft.com/office/drawing/2014/main" id="{EC7B1EFD-412E-EB56-9099-15250DADADA6}"/>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8" name="Internal Stamp dynamic" descr="{&quot;templafy&quot;:{&quot;id&quot;:&quot;5fbe017c-48ce-4d76-9d24-8074f8fd2ddf&quot;}}" title="Form.Cigna_Confidentiality.Cigna_confidentiality">
            <a:extLst>
              <a:ext uri="{FF2B5EF4-FFF2-40B4-BE49-F238E27FC236}">
                <a16:creationId xmlns:a16="http://schemas.microsoft.com/office/drawing/2014/main" id="{D48A58BB-7C46-82BD-4E2D-A6FF95A7CD8D}"/>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827473383" name="Dynamic logo hypermint" descr="{&quot;templafy&quot;:{&quot;id&quot;:&quot;53c0e851-599c-449c-b60a-9ad0de872a8e&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11" name="Date Placeholder 2">
            <a:extLst>
              <a:ext uri="{FF2B5EF4-FFF2-40B4-BE49-F238E27FC236}">
                <a16:creationId xmlns:a16="http://schemas.microsoft.com/office/drawing/2014/main" id="{7950307B-B967-7252-C548-E828098B98AC}"/>
              </a:ext>
            </a:extLst>
          </p:cNvPr>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2984268796"/>
      </p:ext>
    </p:extLst>
  </p:cSld>
  <p:clrMapOvr>
    <a:overrideClrMapping bg1="dk1" tx1="lt1" bg2="dk2" tx2="lt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A2.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B66E3CA0-C90F-6128-18A9-4FE85C887EE6}"/>
              </a:ext>
            </a:extLst>
          </p:cNvPr>
          <p:cNvGrpSpPr>
            <a:grpSpLocks noGrp="1" noUngrp="1" noRot="1" noMove="1" noResize="1"/>
          </p:cNvGrpSpPr>
          <p:nvPr userDrawn="1"/>
        </p:nvGrpSpPr>
        <p:grpSpPr>
          <a:xfrm>
            <a:off x="6234988" y="0"/>
            <a:ext cx="5957012" cy="6097377"/>
            <a:chOff x="6234988" y="0"/>
            <a:chExt cx="5957012" cy="6097377"/>
          </a:xfrm>
          <a:solidFill>
            <a:srgbClr val="90B9FF"/>
          </a:solidFill>
        </p:grpSpPr>
        <p:sp>
          <p:nvSpPr>
            <p:cNvPr id="5" name="Freeform: Shape 4">
              <a:extLst>
                <a:ext uri="{FF2B5EF4-FFF2-40B4-BE49-F238E27FC236}">
                  <a16:creationId xmlns:a16="http://schemas.microsoft.com/office/drawing/2014/main" id="{8D307663-CD43-8EC4-0C5E-3A59CCC151AF}"/>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6" name="Freeform: Shape 5">
              <a:extLst>
                <a:ext uri="{FF2B5EF4-FFF2-40B4-BE49-F238E27FC236}">
                  <a16:creationId xmlns:a16="http://schemas.microsoft.com/office/drawing/2014/main" id="{2AA43885-FB53-6A31-409F-7CEB5B158414}"/>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D43EFE5A-9166-ED47-AD48-948770071722}"/>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F8CAE41B-9948-BC0E-E6A5-8D4D2B4AEEF0}"/>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6" name="Legal dynamic" descr="{&quot;templafy&quot;:{&quot;id&quot;:&quot;c4b6788c-adce-40bb-beab-a31ab314ff68&quot;}}" title="Form.Cigna_Confidentiality.EvernorthConfidentiality">
            <a:extLst>
              <a:ext uri="{FF2B5EF4-FFF2-40B4-BE49-F238E27FC236}">
                <a16:creationId xmlns:a16="http://schemas.microsoft.com/office/drawing/2014/main" id="{EC7B1EFD-412E-EB56-9099-15250DADADA6}"/>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8" name="Internal Stamp dynamic" descr="{&quot;templafy&quot;:{&quot;id&quot;:&quot;f3de517e-cb38-42c8-b096-7fbd2ddd0738&quot;}}" title="Form.Cigna_Confidentiality.Cigna_confidentiality">
            <a:extLst>
              <a:ext uri="{FF2B5EF4-FFF2-40B4-BE49-F238E27FC236}">
                <a16:creationId xmlns:a16="http://schemas.microsoft.com/office/drawing/2014/main" id="{D48A58BB-7C46-82BD-4E2D-A6FF95A7CD8D}"/>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756599535" name="Dynamic logo hypermint" descr="{&quot;templafy&quot;:{&quot;id&quot;:&quot;9d9a7075-9643-4846-9413-cefda2dc16ea&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12" name="Date Placeholder 2">
            <a:extLst>
              <a:ext uri="{FF2B5EF4-FFF2-40B4-BE49-F238E27FC236}">
                <a16:creationId xmlns:a16="http://schemas.microsoft.com/office/drawing/2014/main" id="{F39C80FD-35C1-E74E-4FAA-5BA9F04B6CEA}"/>
              </a:ext>
            </a:extLst>
          </p:cNvPr>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4123883292"/>
      </p:ext>
    </p:extLst>
  </p:cSld>
  <p:clrMapOvr>
    <a:overrideClrMapping bg1="dk1" tx1="lt1" bg2="dk2" tx2="lt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3.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B3996587-F66A-7795-7A7C-0EEA1C4E72CF}"/>
              </a:ext>
            </a:extLst>
          </p:cNvPr>
          <p:cNvGrpSpPr>
            <a:grpSpLocks noGrp="1" noUngrp="1" noRot="1" noMove="1" noResize="1"/>
          </p:cNvGrpSpPr>
          <p:nvPr userDrawn="1"/>
        </p:nvGrpSpPr>
        <p:grpSpPr>
          <a:xfrm>
            <a:off x="6234988" y="0"/>
            <a:ext cx="5957012" cy="6097377"/>
            <a:chOff x="6234988" y="0"/>
            <a:chExt cx="5957012" cy="6097377"/>
          </a:xfrm>
          <a:solidFill>
            <a:srgbClr val="E88789"/>
          </a:solidFill>
        </p:grpSpPr>
        <p:sp>
          <p:nvSpPr>
            <p:cNvPr id="5" name="Freeform: Shape 4">
              <a:extLst>
                <a:ext uri="{FF2B5EF4-FFF2-40B4-BE49-F238E27FC236}">
                  <a16:creationId xmlns:a16="http://schemas.microsoft.com/office/drawing/2014/main" id="{928EECF1-AFC8-786B-F0EB-45FB91BD3D55}"/>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6" name="Freeform: Shape 5">
              <a:extLst>
                <a:ext uri="{FF2B5EF4-FFF2-40B4-BE49-F238E27FC236}">
                  <a16:creationId xmlns:a16="http://schemas.microsoft.com/office/drawing/2014/main" id="{DDBCF8A6-BFFD-66E4-8705-080161A5886B}"/>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F313CBEB-4968-5C39-CF44-109B6865FD97}"/>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04A1ECFB-03D6-C2FD-EF6C-BB99A4E095CF}"/>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6" name="Legal dynamic" descr="{&quot;templafy&quot;:{&quot;id&quot;:&quot;dc717cd9-5180-4b68-9afc-6ab16442be60&quot;}}" title="Form.Cigna_Confidentiality.EvernorthConfidentiality">
            <a:extLst>
              <a:ext uri="{FF2B5EF4-FFF2-40B4-BE49-F238E27FC236}">
                <a16:creationId xmlns:a16="http://schemas.microsoft.com/office/drawing/2014/main" id="{EC7B1EFD-412E-EB56-9099-15250DADADA6}"/>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8" name="Internal Stamp dynamic" descr="{&quot;templafy&quot;:{&quot;id&quot;:&quot;3fde4f81-e40d-46bd-b6e9-f140dd63f246&quot;}}" title="Form.Cigna_Confidentiality.Cigna_confidentiality">
            <a:extLst>
              <a:ext uri="{FF2B5EF4-FFF2-40B4-BE49-F238E27FC236}">
                <a16:creationId xmlns:a16="http://schemas.microsoft.com/office/drawing/2014/main" id="{D48A58BB-7C46-82BD-4E2D-A6FF95A7CD8D}"/>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489600637" name="Dynamic logo hypermint" descr="{&quot;templafy&quot;:{&quot;id&quot;:&quot;39fec996-545f-4f85-8a51-e4fb088af72f&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12" name="Date Placeholder 2">
            <a:extLst>
              <a:ext uri="{FF2B5EF4-FFF2-40B4-BE49-F238E27FC236}">
                <a16:creationId xmlns:a16="http://schemas.microsoft.com/office/drawing/2014/main" id="{2343449F-F325-E863-BE8F-1ED465547EBF}"/>
              </a:ext>
            </a:extLst>
          </p:cNvPr>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493106653"/>
      </p:ext>
    </p:extLst>
  </p:cSld>
  <p:clrMapOvr>
    <a:overrideClrMapping bg1="dk1" tx1="lt1" bg2="dk2" tx2="lt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A4. Breaker">
    <p:bg>
      <p:bgPr>
        <a:solidFill>
          <a:schemeClr val="accent3"/>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2">
            <a:extLst>
              <a:ext uri="{FF2B5EF4-FFF2-40B4-BE49-F238E27FC236}">
                <a16:creationId xmlns:a16="http://schemas.microsoft.com/office/drawing/2014/main" id="{14495C1B-137E-E464-9AE5-C611E563C3AA}"/>
              </a:ext>
            </a:extLst>
          </p:cNvPr>
          <p:cNvGrpSpPr>
            <a:grpSpLocks noGrp="1" noUngrp="1" noRot="1" noMove="1" noResize="1"/>
          </p:cNvGrpSpPr>
          <p:nvPr userDrawn="1"/>
        </p:nvGrpSpPr>
        <p:grpSpPr>
          <a:xfrm>
            <a:off x="6234988" y="0"/>
            <a:ext cx="5957012" cy="6097377"/>
            <a:chOff x="6234988" y="0"/>
            <a:chExt cx="5957012" cy="6097377"/>
          </a:xfrm>
          <a:gradFill>
            <a:gsLst>
              <a:gs pos="0">
                <a:srgbClr val="90B9FF"/>
              </a:gs>
              <a:gs pos="96000">
                <a:schemeClr val="accent1"/>
              </a:gs>
            </a:gsLst>
            <a:path path="circle">
              <a:fillToRect r="100000" b="100000"/>
            </a:path>
          </a:gradFill>
        </p:grpSpPr>
        <p:sp>
          <p:nvSpPr>
            <p:cNvPr id="12" name="Freeform: Shape 11">
              <a:extLst>
                <a:ext uri="{FF2B5EF4-FFF2-40B4-BE49-F238E27FC236}">
                  <a16:creationId xmlns:a16="http://schemas.microsoft.com/office/drawing/2014/main" id="{37303555-3FAE-A3B3-C4E4-B941F74F4172}"/>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BB31B3AC-F7E0-73BB-799E-D6E7ACEB261E}"/>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37CA41BA-F22D-82AD-404C-C6A5E4CC2F36}"/>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0DD392A3-B6EC-138E-D122-C6597CF5CE4E}"/>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300" y="3069000"/>
            <a:ext cx="6504175" cy="720000"/>
          </a:xfrm>
        </p:spPr>
        <p:txBody>
          <a:bodyPr lIns="0" tIns="0" rIns="0" bIns="0" anchor="ctr" anchorCtr="0"/>
          <a:lstStyle>
            <a:lvl1pPr algn="l">
              <a:lnSpc>
                <a:spcPct val="82000"/>
              </a:lnSpc>
              <a:defRPr sz="5000" b="0" cap="none" baseline="0">
                <a:solidFill>
                  <a:schemeClr val="tx2"/>
                </a:solidFill>
              </a:defRPr>
            </a:lvl1pPr>
          </a:lstStyle>
          <a:p>
            <a:r>
              <a:rPr lang="en-US" noProof="0" dirty="0"/>
              <a:t>Click to add title</a:t>
            </a:r>
            <a:endParaRPr lang="en-US" dirty="0"/>
          </a:p>
        </p:txBody>
      </p:sp>
      <p:sp>
        <p:nvSpPr>
          <p:cNvPr id="16" name="Legal dynamic" descr="{&quot;templafy&quot;:{&quot;id&quot;:&quot;f86d8a97-6b9c-4a6a-8430-a9c0b1aafc4b&quot;}}" title="Form.Cigna_Confidentiality.EvernorthConfidentiality">
            <a:extLst>
              <a:ext uri="{FF2B5EF4-FFF2-40B4-BE49-F238E27FC236}">
                <a16:creationId xmlns:a16="http://schemas.microsoft.com/office/drawing/2014/main" id="{EC7B1EFD-412E-EB56-9099-15250DADADA6}"/>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8" name="Internal Stamp dynamic" descr="{&quot;templafy&quot;:{&quot;id&quot;:&quot;c6cff9e8-a86e-45af-8220-351f1c5aefe8&quot;}}" title="Form.Cigna_Confidentiality.Cigna_confidentiality">
            <a:extLst>
              <a:ext uri="{FF2B5EF4-FFF2-40B4-BE49-F238E27FC236}">
                <a16:creationId xmlns:a16="http://schemas.microsoft.com/office/drawing/2014/main" id="{D48A58BB-7C46-82BD-4E2D-A6FF95A7CD8D}"/>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359969238" name="Dynamic logo hypermint" descr="{&quot;templafy&quot;:{&quot;id&quot;:&quot;28b76e59-d39c-4c63-93d4-08e9d8b2aaf2&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4" name="Date Placeholder 2">
            <a:extLst>
              <a:ext uri="{FF2B5EF4-FFF2-40B4-BE49-F238E27FC236}">
                <a16:creationId xmlns:a16="http://schemas.microsoft.com/office/drawing/2014/main" id="{EDF490C4-00BD-4198-8513-58B55FBC7E60}"/>
              </a:ext>
            </a:extLst>
          </p:cNvPr>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847287480"/>
      </p:ext>
    </p:extLst>
  </p:cSld>
  <p:clrMapOvr>
    <a:overrideClrMapping bg1="dk1" tx1="lt1" bg2="dk2" tx2="lt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 Cover">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3" name="Group graphic">
            <a:extLst>
              <a:ext uri="{FF2B5EF4-FFF2-40B4-BE49-F238E27FC236}">
                <a16:creationId xmlns:a16="http://schemas.microsoft.com/office/drawing/2014/main" id="{4C7F4774-91E3-B988-5D40-9FDA3753868E}"/>
              </a:ext>
            </a:extLst>
          </p:cNvPr>
          <p:cNvGrpSpPr>
            <a:grpSpLocks noGrp="1" noUngrp="1" noRot="1" noMove="1" noResize="1"/>
          </p:cNvGrpSpPr>
          <p:nvPr userDrawn="1"/>
        </p:nvGrpSpPr>
        <p:grpSpPr>
          <a:xfrm>
            <a:off x="6339596" y="0"/>
            <a:ext cx="5852404" cy="6858000"/>
            <a:chOff x="6396158" y="75416"/>
            <a:chExt cx="5852404" cy="6858000"/>
          </a:xfrm>
          <a:solidFill>
            <a:srgbClr val="008F83"/>
          </a:solidFill>
        </p:grpSpPr>
        <p:sp>
          <p:nvSpPr>
            <p:cNvPr id="8" name="Freeform 76">
              <a:extLst>
                <a:ext uri="{FF2B5EF4-FFF2-40B4-BE49-F238E27FC236}">
                  <a16:creationId xmlns:a16="http://schemas.microsoft.com/office/drawing/2014/main" id="{02F4C8F8-B7A1-7A56-1EE6-5574185D9830}"/>
                </a:ext>
              </a:extLst>
            </p:cNvPr>
            <p:cNvSpPr>
              <a:spLocks noGrp="1" noRot="1" noMove="1" noResize="1" noEditPoints="1" noAdjustHandles="1" noChangeArrowheads="1" noChangeShapeType="1"/>
            </p:cNvSpPr>
            <p:nvPr/>
          </p:nvSpPr>
          <p:spPr>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grpFill/>
            <a:ln w="0" cap="flat">
              <a:noFill/>
              <a:prstDash val="solid"/>
              <a:miter/>
            </a:ln>
          </p:spPr>
          <p:txBody>
            <a:bodyPr rtlCol="0" anchor="ctr"/>
            <a:lstStyle/>
            <a:p>
              <a:endParaRPr lang="en-US" dirty="0"/>
            </a:p>
          </p:txBody>
        </p:sp>
        <p:sp>
          <p:nvSpPr>
            <p:cNvPr id="12" name="Freeform 21">
              <a:extLst>
                <a:ext uri="{FF2B5EF4-FFF2-40B4-BE49-F238E27FC236}">
                  <a16:creationId xmlns:a16="http://schemas.microsoft.com/office/drawing/2014/main" id="{B4D69A73-9849-A768-CDB9-946001B253AF}"/>
                </a:ext>
              </a:extLst>
            </p:cNvPr>
            <p:cNvSpPr>
              <a:spLocks noGrp="1" noRot="1" noMove="1" noResize="1" noEditPoints="1" noAdjustHandles="1" noChangeArrowheads="1" noChangeShapeType="1"/>
            </p:cNvSpPr>
            <p:nvPr/>
          </p:nvSpPr>
          <p:spPr>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grpFill/>
            <a:ln w="0" cap="flat">
              <a:noFill/>
              <a:prstDash val="solid"/>
              <a:miter/>
            </a:ln>
          </p:spPr>
          <p:txBody>
            <a:bodyPr rtlCol="0" anchor="ctr"/>
            <a:lstStyle/>
            <a:p>
              <a:endParaRPr lang="en-US" dirty="0"/>
            </a:p>
          </p:txBody>
        </p:sp>
        <p:sp>
          <p:nvSpPr>
            <p:cNvPr id="14" name="Freeform 23">
              <a:extLst>
                <a:ext uri="{FF2B5EF4-FFF2-40B4-BE49-F238E27FC236}">
                  <a16:creationId xmlns:a16="http://schemas.microsoft.com/office/drawing/2014/main" id="{524E4213-679F-A5AB-A8B4-F07C41020E2C}"/>
                </a:ext>
              </a:extLst>
            </p:cNvPr>
            <p:cNvSpPr>
              <a:spLocks noGrp="1" noRot="1" noMove="1" noResize="1" noEditPoints="1" noAdjustHandles="1" noChangeArrowheads="1" noChangeShapeType="1"/>
            </p:cNvSpPr>
            <p:nvPr/>
          </p:nvSpPr>
          <p:spPr>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grpFill/>
            <a:ln w="0" cap="flat">
              <a:noFill/>
              <a:prstDash val="solid"/>
              <a:miter/>
            </a:ln>
          </p:spPr>
          <p:txBody>
            <a:bodyPr rtlCol="0" anchor="ctr"/>
            <a:lstStyle/>
            <a:p>
              <a:endParaRPr lang="en-US" dirty="0"/>
            </a:p>
          </p:txBody>
        </p:sp>
        <p:sp>
          <p:nvSpPr>
            <p:cNvPr id="15" name="Freeform 61">
              <a:extLst>
                <a:ext uri="{FF2B5EF4-FFF2-40B4-BE49-F238E27FC236}">
                  <a16:creationId xmlns:a16="http://schemas.microsoft.com/office/drawing/2014/main" id="{2BD075AE-1EF0-FEAC-627C-1B8737DA5C0B}"/>
                </a:ext>
              </a:extLst>
            </p:cNvPr>
            <p:cNvSpPr>
              <a:spLocks noGrp="1" noRot="1" noMove="1" noResize="1" noEditPoints="1" noAdjustHandles="1" noChangeArrowheads="1" noChangeShapeType="1"/>
            </p:cNvSpPr>
            <p:nvPr/>
          </p:nvSpPr>
          <p:spPr>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grpFill/>
            <a:ln w="0" cap="flat">
              <a:noFill/>
              <a:prstDash val="solid"/>
              <a:miter/>
            </a:ln>
          </p:spPr>
          <p:txBody>
            <a:bodyPr rtlCol="0" anchor="ctr"/>
            <a:lstStyle/>
            <a:p>
              <a:endParaRPr lang="en-US" dirty="0"/>
            </a:p>
          </p:txBody>
        </p:sp>
        <p:sp>
          <p:nvSpPr>
            <p:cNvPr id="16" name="Freeform 56">
              <a:extLst>
                <a:ext uri="{FF2B5EF4-FFF2-40B4-BE49-F238E27FC236}">
                  <a16:creationId xmlns:a16="http://schemas.microsoft.com/office/drawing/2014/main" id="{DFECA281-80B2-B366-39D6-0CB0C6CB43A9}"/>
                </a:ext>
              </a:extLst>
            </p:cNvPr>
            <p:cNvSpPr>
              <a:spLocks noGrp="1" noRot="1" noMove="1" noResize="1" noEditPoints="1" noAdjustHandles="1" noChangeArrowheads="1" noChangeShapeType="1"/>
            </p:cNvSpPr>
            <p:nvPr/>
          </p:nvSpPr>
          <p:spPr>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grpFill/>
            <a:ln w="0" cap="flat">
              <a:noFill/>
              <a:prstDash val="solid"/>
              <a:miter/>
            </a:ln>
          </p:spPr>
          <p:txBody>
            <a:bodyPr rtlCol="0" anchor="ctr"/>
            <a:lstStyle/>
            <a:p>
              <a:endParaRPr lang="en-US" dirty="0"/>
            </a:p>
          </p:txBody>
        </p:sp>
        <p:sp>
          <p:nvSpPr>
            <p:cNvPr id="17" name="Freeform 67">
              <a:extLst>
                <a:ext uri="{FF2B5EF4-FFF2-40B4-BE49-F238E27FC236}">
                  <a16:creationId xmlns:a16="http://schemas.microsoft.com/office/drawing/2014/main" id="{15E23DFE-D760-B790-7B2A-8A43A8E31786}"/>
                </a:ext>
              </a:extLst>
            </p:cNvPr>
            <p:cNvSpPr>
              <a:spLocks noGrp="1" noRot="1" noMove="1" noResize="1" noEditPoints="1" noAdjustHandles="1" noChangeArrowheads="1" noChangeShapeType="1"/>
            </p:cNvSpPr>
            <p:nvPr userDrawn="1"/>
          </p:nvSpPr>
          <p:spPr>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8" name="Freeform 65">
              <a:extLst>
                <a:ext uri="{FF2B5EF4-FFF2-40B4-BE49-F238E27FC236}">
                  <a16:creationId xmlns:a16="http://schemas.microsoft.com/office/drawing/2014/main" id="{BA417C09-F446-DD26-FBBA-5CD31B67C4D6}"/>
                </a:ext>
              </a:extLst>
            </p:cNvPr>
            <p:cNvSpPr>
              <a:spLocks noGrp="1" noRot="1" noMove="1" noResize="1" noEditPoints="1" noAdjustHandles="1" noChangeArrowheads="1" noChangeShapeType="1"/>
            </p:cNvSpPr>
            <p:nvPr userDrawn="1"/>
          </p:nvSpPr>
          <p:spPr>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1450800"/>
            <a:ext cx="5648400" cy="1820862"/>
          </a:xfrm>
          <a:noFill/>
        </p:spPr>
        <p:txBody>
          <a:bodyPr anchor="b" anchorCtr="0"/>
          <a:lstStyle>
            <a:lvl1pPr algn="l">
              <a:lnSpc>
                <a:spcPct val="85000"/>
              </a:lnSpc>
              <a:defRPr sz="6000" b="0">
                <a:solidFill>
                  <a:schemeClr val="accent3"/>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a:xfrm>
            <a:off x="360000" y="3654000"/>
            <a:ext cx="5648400" cy="2094338"/>
          </a:xfrm>
        </p:spPr>
        <p:txBody>
          <a:bodyPr/>
          <a:lstStyle>
            <a:lvl1pPr marL="0" indent="0">
              <a:lnSpc>
                <a:spcPct val="105000"/>
              </a:lnSpc>
              <a:buNone/>
              <a:defRPr sz="2200">
                <a:solidFill>
                  <a:schemeClr val="accent4"/>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4" name="Legal dynamic" descr="{&quot;templafy&quot;:{&quot;id&quot;:&quot;c044f478-1529-4cab-a0a4-d8f585025d88&quot;}}" title="Form.Cigna_Confidentiality.EvernorthConfidentiality">
            <a:extLst>
              <a:ext uri="{FF2B5EF4-FFF2-40B4-BE49-F238E27FC236}">
                <a16:creationId xmlns:a16="http://schemas.microsoft.com/office/drawing/2014/main" id="{A40FA929-A86D-6A65-3A83-91B07FB23AEE}"/>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0" name="Internal Stamp dynamic" descr="{&quot;templafy&quot;:{&quot;id&quot;:&quot;a20966ed-6931-48be-b3af-1e5c30921f14&quot;}}" title="Form.Cigna_Confidentiality.Cigna_confidentiality">
            <a:extLst>
              <a:ext uri="{FF2B5EF4-FFF2-40B4-BE49-F238E27FC236}">
                <a16:creationId xmlns:a16="http://schemas.microsoft.com/office/drawing/2014/main" id="{010F5112-E784-D77B-7456-0E7AC57591EC}"/>
              </a:ext>
            </a:extLst>
          </p:cNvPr>
          <p:cNvSpPr/>
          <p:nvPr userDrawn="1"/>
        </p:nvSpPr>
        <p:spPr>
          <a:xfrm>
            <a:off x="3277197"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33274328" name="Dynamic logo dark mint" descr="{&quot;templafy&quot;:{&quot;id&quot;:&quot;4c91b827-c0c4-46d4-97e2-541145a221e4&quot;}}"/>
          <p:cNvPicPr>
            <a:picLocks noChangeAspect="1"/>
          </p:cNvPicPr>
          <p:nvPr/>
        </p:nvPicPr>
        <p:blipFill>
          <a:blip r:embed="rId2"/>
          <a:stretch>
            <a:fillRect/>
          </a:stretch>
        </p:blipFill>
        <p:spPr>
          <a:xfrm>
            <a:off x="346677" y="5882400"/>
            <a:ext cx="2145600" cy="756000"/>
          </a:xfrm>
          <a:prstGeom prst="rect">
            <a:avLst/>
          </a:prstGeom>
        </p:spPr>
      </p:pic>
      <p:sp>
        <p:nvSpPr>
          <p:cNvPr id="22" name="Slide Number Placeholder 21">
            <a:extLst>
              <a:ext uri="{FF2B5EF4-FFF2-40B4-BE49-F238E27FC236}">
                <a16:creationId xmlns:a16="http://schemas.microsoft.com/office/drawing/2014/main" id="{353473A6-FA79-6B67-7DF5-F90F43104381}"/>
              </a:ext>
            </a:extLst>
          </p:cNvPr>
          <p:cNvSpPr>
            <a:spLocks noGrp="1"/>
          </p:cNvSpPr>
          <p:nvPr>
            <p:ph type="sldNum" sz="quarter" idx="15"/>
          </p:nvPr>
        </p:nvSpPr>
        <p:spPr/>
        <p:txBody>
          <a:bodyPr/>
          <a:lstStyle/>
          <a:p>
            <a:fld id="{23AA811B-2EBD-4900-905E-5BE206449611}" type="slidenum">
              <a:rPr lang="en-US" smtClean="0"/>
              <a:pPr/>
              <a:t>‹#›</a:t>
            </a:fld>
            <a:endParaRPr lang="en-US" dirty="0"/>
          </a:p>
        </p:txBody>
      </p:sp>
      <p:sp>
        <p:nvSpPr>
          <p:cNvPr id="5" name="Date Placeholder 4">
            <a:extLst>
              <a:ext uri="{FF2B5EF4-FFF2-40B4-BE49-F238E27FC236}">
                <a16:creationId xmlns:a16="http://schemas.microsoft.com/office/drawing/2014/main" id="{6FCE309C-8425-F262-20C0-0A975B2153F0}"/>
              </a:ext>
            </a:extLst>
          </p:cNvPr>
          <p:cNvSpPr>
            <a:spLocks noGrp="1"/>
          </p:cNvSpPr>
          <p:nvPr>
            <p:ph type="dt" sz="half" idx="16"/>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277455448"/>
      </p:ext>
    </p:extLst>
  </p:cSld>
  <p:clrMapOvr>
    <a:masterClrMapping/>
  </p:clrMapOvr>
  <p:extLst>
    <p:ext uri="{DCECCB84-F9BA-43D5-87BE-67443E8EF086}">
      <p15:sldGuideLst xmlns:p15="http://schemas.microsoft.com/office/powerpoint/2012/main">
        <p15:guide id="1" orient="horz" pos="2302" userDrawn="1">
          <p15:clr>
            <a:srgbClr val="F26B43"/>
          </p15:clr>
        </p15:guide>
        <p15:guide id="2" orient="horz" pos="206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3" name="Group 2">
            <a:extLst>
              <a:ext uri="{FF2B5EF4-FFF2-40B4-BE49-F238E27FC236}">
                <a16:creationId xmlns:a16="http://schemas.microsoft.com/office/drawing/2014/main" id="{8FDE4B12-DCE7-235F-C811-7E2C9E2899BB}"/>
              </a:ext>
            </a:extLst>
          </p:cNvPr>
          <p:cNvGrpSpPr>
            <a:grpSpLocks noGrp="1" noUngrp="1" noRot="1" noMove="1" noResize="1"/>
          </p:cNvGrpSpPr>
          <p:nvPr userDrawn="1"/>
        </p:nvGrpSpPr>
        <p:grpSpPr>
          <a:xfrm>
            <a:off x="6234988" y="0"/>
            <a:ext cx="5957012" cy="6097377"/>
            <a:chOff x="6234988" y="0"/>
            <a:chExt cx="5957012" cy="6097377"/>
          </a:xfrm>
          <a:solidFill>
            <a:srgbClr val="008F83"/>
          </a:solidFill>
        </p:grpSpPr>
        <p:sp>
          <p:nvSpPr>
            <p:cNvPr id="4" name="Freeform: Shape 3">
              <a:extLst>
                <a:ext uri="{FF2B5EF4-FFF2-40B4-BE49-F238E27FC236}">
                  <a16:creationId xmlns:a16="http://schemas.microsoft.com/office/drawing/2014/main" id="{4EC64AEE-4D21-6CD3-F866-0AD999AD89FE}"/>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5" name="Freeform: Shape 4">
              <a:extLst>
                <a:ext uri="{FF2B5EF4-FFF2-40B4-BE49-F238E27FC236}">
                  <a16:creationId xmlns:a16="http://schemas.microsoft.com/office/drawing/2014/main" id="{2D9B6CFB-55C1-F1A6-E382-0FDA7B2556AE}"/>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75D8C32C-9AB4-4CEE-825C-C74C055B9E88}"/>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0F20D3DE-D3EB-65EE-37C2-651AB44F0AAB}"/>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97dd38bb-c278-41b2-a420-2854045afbe6&quot;}}" title="Form.Cigna_Confidentiality.EvernorthConfidentiality">
            <a:extLst>
              <a:ext uri="{FF2B5EF4-FFF2-40B4-BE49-F238E27FC236}">
                <a16:creationId xmlns:a16="http://schemas.microsoft.com/office/drawing/2014/main" id="{277B4946-98FA-1029-C301-F518F400A71D}"/>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3" name="Internal Stamp dynamic" descr="{&quot;templafy&quot;:{&quot;id&quot;:&quot;63101700-5a5d-4128-bff5-697ae4ffea92&quot;}}" title="Form.Cigna_Confidentiality.Cigna_confidentiality">
            <a:extLst>
              <a:ext uri="{FF2B5EF4-FFF2-40B4-BE49-F238E27FC236}">
                <a16:creationId xmlns:a16="http://schemas.microsoft.com/office/drawing/2014/main" id="{A412EB88-9FB0-5430-3BF6-0C6E3810143A}"/>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583720756" name="Dynamic logo dark mint" descr="{&quot;templafy&quot;:{&quot;id&quot;:&quot;1d738870-b817-4444-a3da-3a93f8c0c871&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EF8FB97B-38E3-B5BD-794A-2E21A47C9FB9}"/>
              </a:ext>
            </a:extLst>
          </p:cNvPr>
          <p:cNvSpPr>
            <a:spLocks noGrp="1"/>
          </p:cNvSpPr>
          <p:nvPr>
            <p:ph type="dt" sz="half" idx="13"/>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915275980"/>
      </p:ext>
    </p:extLst>
  </p:cSld>
  <p:clrMapOvr>
    <a:overrideClrMapping bg1="lt1" tx1="dk1" bg2="lt2" tx2="dk2" accent1="accent1" accent2="accent2" accent3="accent3" accent4="accent4" accent5="accent5" accent6="accent6" hlink="hlink" folHlink="folHlink"/>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1.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5EF3B1CC-2D90-3ADB-7465-C8E23C317EA7}"/>
              </a:ext>
            </a:extLst>
          </p:cNvPr>
          <p:cNvGrpSpPr>
            <a:grpSpLocks noGrp="1" noUngrp="1" noRot="1" noMove="1" noResize="1"/>
          </p:cNvGrpSpPr>
          <p:nvPr userDrawn="1"/>
        </p:nvGrpSpPr>
        <p:grpSpPr>
          <a:xfrm>
            <a:off x="6234988" y="0"/>
            <a:ext cx="5957012" cy="6097377"/>
            <a:chOff x="6234988" y="0"/>
            <a:chExt cx="5957012" cy="6097377"/>
          </a:xfrm>
          <a:solidFill>
            <a:srgbClr val="035C67"/>
          </a:solidFill>
        </p:grpSpPr>
        <p:sp>
          <p:nvSpPr>
            <p:cNvPr id="5" name="Freeform: Shape 4">
              <a:extLst>
                <a:ext uri="{FF2B5EF4-FFF2-40B4-BE49-F238E27FC236}">
                  <a16:creationId xmlns:a16="http://schemas.microsoft.com/office/drawing/2014/main" id="{7DA64C85-477F-121B-B483-C6541987E0C0}"/>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C8133FB7-882E-C08F-2E5F-4B222A2330B1}"/>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7F6158F4-CFD2-4F3F-1695-3381ED3A3125}"/>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CBD060A1-2A4A-4B3B-4BD4-AF331E8BB854}"/>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8d002f61-8375-4677-9810-50993535ea67&quot;}}" title="Form.Cigna_Confidentiality.EvernorthConfidentiality">
            <a:extLst>
              <a:ext uri="{FF2B5EF4-FFF2-40B4-BE49-F238E27FC236}">
                <a16:creationId xmlns:a16="http://schemas.microsoft.com/office/drawing/2014/main" id="{277B4946-98FA-1029-C301-F518F400A71D}"/>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3" name="Internal Stamp dynamic" descr="{&quot;templafy&quot;:{&quot;id&quot;:&quot;d84a6aa6-b28b-42f3-97f9-65d1d176577c&quot;}}" title="Form.Cigna_Confidentiality.Cigna_confidentiality">
            <a:extLst>
              <a:ext uri="{FF2B5EF4-FFF2-40B4-BE49-F238E27FC236}">
                <a16:creationId xmlns:a16="http://schemas.microsoft.com/office/drawing/2014/main" id="{A412EB88-9FB0-5430-3BF6-0C6E3810143A}"/>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536230726" name="Dynamic logo dark mint" descr="{&quot;templafy&quot;:{&quot;id&quot;:&quot;5330bbab-2de2-41f0-ae98-74cb25da4dcb&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806AA2FA-4B82-2706-1156-221323214F9A}"/>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787812474"/>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B2.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139AB019-BAEB-4FEB-2F55-1C336F9A4A4A}"/>
              </a:ext>
            </a:extLst>
          </p:cNvPr>
          <p:cNvGrpSpPr>
            <a:grpSpLocks noGrp="1" noUngrp="1" noRot="1" noMove="1" noResize="1"/>
          </p:cNvGrpSpPr>
          <p:nvPr userDrawn="1"/>
        </p:nvGrpSpPr>
        <p:grpSpPr>
          <a:xfrm>
            <a:off x="6234988" y="0"/>
            <a:ext cx="5957012" cy="6097377"/>
            <a:chOff x="6234988" y="0"/>
            <a:chExt cx="5957012" cy="6097377"/>
          </a:xfrm>
          <a:solidFill>
            <a:srgbClr val="90B9FF"/>
          </a:solidFill>
        </p:grpSpPr>
        <p:sp>
          <p:nvSpPr>
            <p:cNvPr id="5" name="Freeform: Shape 4">
              <a:extLst>
                <a:ext uri="{FF2B5EF4-FFF2-40B4-BE49-F238E27FC236}">
                  <a16:creationId xmlns:a16="http://schemas.microsoft.com/office/drawing/2014/main" id="{3F74397A-4392-9DE2-BF1D-D5F7F87D6178}"/>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27004986-DDB0-4BBE-0FB4-6B93A6068FF1}"/>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7B83E75C-9F74-CDD1-71D7-764F1FD61903}"/>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34B7FFBE-16CD-855E-5E29-2FB73A27C966}"/>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699f4c7f-e745-402d-96c8-820d7d8787c5&quot;}}" title="Form.Cigna_Confidentiality.EvernorthConfidentiality">
            <a:extLst>
              <a:ext uri="{FF2B5EF4-FFF2-40B4-BE49-F238E27FC236}">
                <a16:creationId xmlns:a16="http://schemas.microsoft.com/office/drawing/2014/main" id="{277B4946-98FA-1029-C301-F518F400A71D}"/>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3" name="Internal Stamp dynamic" descr="{&quot;templafy&quot;:{&quot;id&quot;:&quot;0b4d3710-fcc5-4e36-be9e-31d7204f5914&quot;}}" title="Form.Cigna_Confidentiality.Cigna_confidentiality">
            <a:extLst>
              <a:ext uri="{FF2B5EF4-FFF2-40B4-BE49-F238E27FC236}">
                <a16:creationId xmlns:a16="http://schemas.microsoft.com/office/drawing/2014/main" id="{A412EB88-9FB0-5430-3BF6-0C6E3810143A}"/>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028798595" name="Dynamic logo dark mint" descr="{&quot;templafy&quot;:{&quot;id&quot;:&quot;34b518fe-e6df-43ce-b5a6-3fb0a136cdbb&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570FD55E-B3C2-D182-7BB9-9A7F5B25C0F1}"/>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702646851"/>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B3. Breaker">
    <p:bg>
      <p:bgPr>
        <a:solidFill>
          <a:schemeClr val="bg2"/>
        </a:solidFill>
        <a:effectLst/>
      </p:bgPr>
    </p:bg>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421834BF-B68E-E086-ABFE-13FA7FD16925}"/>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330C39CF-C472-D74B-0F58-8F6C5F7FEE8D}"/>
              </a:ext>
            </a:extLst>
          </p:cNvPr>
          <p:cNvGrpSpPr>
            <a:grpSpLocks noGrp="1" noUngrp="1" noRot="1" noMove="1" noResize="1"/>
          </p:cNvGrpSpPr>
          <p:nvPr userDrawn="1"/>
        </p:nvGrpSpPr>
        <p:grpSpPr>
          <a:xfrm>
            <a:off x="6234988" y="0"/>
            <a:ext cx="5957012" cy="6097377"/>
            <a:chOff x="6234988" y="0"/>
            <a:chExt cx="5957012" cy="6097377"/>
          </a:xfrm>
          <a:solidFill>
            <a:srgbClr val="E88789"/>
          </a:solidFill>
        </p:grpSpPr>
        <p:sp>
          <p:nvSpPr>
            <p:cNvPr id="5" name="Freeform: Shape 4">
              <a:extLst>
                <a:ext uri="{FF2B5EF4-FFF2-40B4-BE49-F238E27FC236}">
                  <a16:creationId xmlns:a16="http://schemas.microsoft.com/office/drawing/2014/main" id="{9C81FA7D-00E3-A5D6-D993-ECB1D670E383}"/>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E5994075-1A4B-0336-2C0B-EE27ED5C6012}"/>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3653C0AD-2795-E40A-0C3A-CA7E2044E82B}"/>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1242F7AA-9336-43CC-1111-82BC6EF8D4DF}"/>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ef88852a-01f1-4832-93b9-5ee3fe35d15d&quot;}}" title="Form.Cigna_Confidentiality.EvernorthConfidentiality">
            <a:extLst>
              <a:ext uri="{FF2B5EF4-FFF2-40B4-BE49-F238E27FC236}">
                <a16:creationId xmlns:a16="http://schemas.microsoft.com/office/drawing/2014/main" id="{277B4946-98FA-1029-C301-F518F400A71D}"/>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3" name="Internal Stamp dynamic" descr="{&quot;templafy&quot;:{&quot;id&quot;:&quot;b6215833-5f18-4e23-9aa5-e54f1255d315&quot;}}" title="Form.Cigna_Confidentiality.Cigna_confidentiality">
            <a:extLst>
              <a:ext uri="{FF2B5EF4-FFF2-40B4-BE49-F238E27FC236}">
                <a16:creationId xmlns:a16="http://schemas.microsoft.com/office/drawing/2014/main" id="{A412EB88-9FB0-5430-3BF6-0C6E3810143A}"/>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352087402" name="Dynamic logo dark mint" descr="{&quot;templafy&quot;:{&quot;id&quot;:&quot;85b9b979-16dc-4749-8e27-711129cb6ff6&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B84A3D26-708A-8616-0158-D4A29EF93667}"/>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148608665"/>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B4. Breaker">
    <p:bg>
      <p:bgPr>
        <a:solidFill>
          <a:schemeClr val="bg2"/>
        </a:solidFill>
        <a:effectLst/>
      </p:bgPr>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6" name="Group 5">
            <a:extLst>
              <a:ext uri="{FF2B5EF4-FFF2-40B4-BE49-F238E27FC236}">
                <a16:creationId xmlns:a16="http://schemas.microsoft.com/office/drawing/2014/main" id="{4D39EDE9-41C3-8BDF-87B8-1DBEC874F59C}"/>
              </a:ext>
            </a:extLst>
          </p:cNvPr>
          <p:cNvGrpSpPr>
            <a:grpSpLocks noGrp="1" noUngrp="1" noRot="1" noMove="1" noResize="1"/>
          </p:cNvGrpSpPr>
          <p:nvPr userDrawn="1"/>
        </p:nvGrpSpPr>
        <p:grpSpPr>
          <a:xfrm>
            <a:off x="6234988" y="0"/>
            <a:ext cx="5957012" cy="6097377"/>
            <a:chOff x="6234988" y="0"/>
            <a:chExt cx="5957012" cy="6097377"/>
          </a:xfrm>
          <a:gradFill>
            <a:gsLst>
              <a:gs pos="100000">
                <a:srgbClr val="035C67"/>
              </a:gs>
              <a:gs pos="0">
                <a:schemeClr val="accent1"/>
              </a:gs>
            </a:gsLst>
            <a:path path="circle">
              <a:fillToRect r="100000" b="100000"/>
            </a:path>
          </a:gradFill>
        </p:grpSpPr>
        <p:sp>
          <p:nvSpPr>
            <p:cNvPr id="14" name="Freeform: Shape 13">
              <a:extLst>
                <a:ext uri="{FF2B5EF4-FFF2-40B4-BE49-F238E27FC236}">
                  <a16:creationId xmlns:a16="http://schemas.microsoft.com/office/drawing/2014/main" id="{D3C5C4C3-4D57-9D0D-2CCD-595B378F8151}"/>
                </a:ext>
              </a:extLst>
            </p:cNvPr>
            <p:cNvSpPr>
              <a:spLocks noGrp="1" noRot="1" noMove="1" noResize="1" noEditPoints="1" noAdjustHandles="1" noChangeArrowheads="1" noChangeShapeType="1"/>
            </p:cNvSpPr>
            <p:nvPr/>
          </p:nvSpPr>
          <p:spPr>
            <a:xfrm>
              <a:off x="6234988" y="0"/>
              <a:ext cx="1581285" cy="1418168"/>
            </a:xfrm>
            <a:custGeom>
              <a:avLst/>
              <a:gdLst>
                <a:gd name="connsiteX0" fmla="*/ 56528 w 1581285"/>
                <a:gd name="connsiteY0" fmla="*/ 0 h 1418168"/>
                <a:gd name="connsiteX1" fmla="*/ 1581285 w 1581285"/>
                <a:gd name="connsiteY1" fmla="*/ 0 h 1418168"/>
                <a:gd name="connsiteX2" fmla="*/ 1570467 w 1581285"/>
                <a:gd name="connsiteY2" fmla="*/ 22262 h 1418168"/>
                <a:gd name="connsiteX3" fmla="*/ 1559751 w 1581285"/>
                <a:gd name="connsiteY3" fmla="*/ 92377 h 1418168"/>
                <a:gd name="connsiteX4" fmla="*/ 1559708 w 1581285"/>
                <a:gd name="connsiteY4" fmla="*/ 92377 h 1418168"/>
                <a:gd name="connsiteX5" fmla="*/ 1559708 w 1581285"/>
                <a:gd name="connsiteY5" fmla="*/ 1106235 h 1418168"/>
                <a:gd name="connsiteX6" fmla="*/ 1247775 w 1581285"/>
                <a:gd name="connsiteY6" fmla="*/ 1418168 h 1418168"/>
                <a:gd name="connsiteX7" fmla="*/ 311933 w 1581285"/>
                <a:gd name="connsiteY7" fmla="*/ 1418168 h 1418168"/>
                <a:gd name="connsiteX8" fmla="*/ 0 w 1581285"/>
                <a:gd name="connsiteY8" fmla="*/ 1106235 h 1418168"/>
                <a:gd name="connsiteX9" fmla="*/ 0 w 1581285"/>
                <a:gd name="connsiteY9" fmla="*/ 170393 h 1418168"/>
                <a:gd name="connsiteX10" fmla="*/ 21625 w 1581285"/>
                <a:gd name="connsiteY10" fmla="*/ 56023 h 14181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81285" h="1418168">
                  <a:moveTo>
                    <a:pt x="56528" y="0"/>
                  </a:moveTo>
                  <a:lnTo>
                    <a:pt x="1581285" y="0"/>
                  </a:lnTo>
                  <a:lnTo>
                    <a:pt x="1570467" y="22262"/>
                  </a:lnTo>
                  <a:cubicBezTo>
                    <a:pt x="1563508" y="44393"/>
                    <a:pt x="1559751" y="67944"/>
                    <a:pt x="1559751" y="92377"/>
                  </a:cubicBezTo>
                  <a:lnTo>
                    <a:pt x="1559708" y="92377"/>
                  </a:lnTo>
                  <a:lnTo>
                    <a:pt x="1559708" y="1106235"/>
                  </a:lnTo>
                  <a:cubicBezTo>
                    <a:pt x="1559708" y="1307344"/>
                    <a:pt x="1385766" y="1418168"/>
                    <a:pt x="1247775" y="1418168"/>
                  </a:cubicBezTo>
                  <a:lnTo>
                    <a:pt x="311933" y="1418168"/>
                  </a:lnTo>
                  <a:cubicBezTo>
                    <a:pt x="139670" y="1418168"/>
                    <a:pt x="0" y="1278541"/>
                    <a:pt x="0" y="1106235"/>
                  </a:cubicBezTo>
                  <a:lnTo>
                    <a:pt x="0" y="170393"/>
                  </a:lnTo>
                  <a:cubicBezTo>
                    <a:pt x="0" y="130008"/>
                    <a:pt x="7664" y="91430"/>
                    <a:pt x="21625" y="56023"/>
                  </a:cubicBezTo>
                  <a:close/>
                </a:path>
              </a:pathLst>
            </a:custGeom>
            <a:grpFill/>
            <a:ln w="0"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254EC4A8-1236-B1FE-3070-3A0E1B093699}"/>
                </a:ext>
              </a:extLst>
            </p:cNvPr>
            <p:cNvSpPr>
              <a:spLocks noGrp="1" noRot="1" noMove="1" noResize="1" noEditPoints="1" noAdjustHandles="1" noChangeArrowheads="1" noChangeShapeType="1"/>
            </p:cNvSpPr>
            <p:nvPr/>
          </p:nvSpPr>
          <p:spPr>
            <a:xfrm>
              <a:off x="7794696" y="1"/>
              <a:ext cx="3119546" cy="2977919"/>
            </a:xfrm>
            <a:custGeom>
              <a:avLst/>
              <a:gdLst>
                <a:gd name="connsiteX0" fmla="*/ 1616286 w 3119546"/>
                <a:gd name="connsiteY0" fmla="*/ 0 h 2977919"/>
                <a:gd name="connsiteX1" fmla="*/ 3063015 w 3119546"/>
                <a:gd name="connsiteY1" fmla="*/ 0 h 2977919"/>
                <a:gd name="connsiteX2" fmla="*/ 3097922 w 3119546"/>
                <a:gd name="connsiteY2" fmla="*/ 56039 h 2977919"/>
                <a:gd name="connsiteX3" fmla="*/ 3119546 w 3119546"/>
                <a:gd name="connsiteY3" fmla="*/ 170393 h 2977919"/>
                <a:gd name="connsiteX4" fmla="*/ 3119546 w 3119546"/>
                <a:gd name="connsiteY4" fmla="*/ 1106235 h 2977919"/>
                <a:gd name="connsiteX5" fmla="*/ 2807613 w 3119546"/>
                <a:gd name="connsiteY5" fmla="*/ 1418168 h 2977919"/>
                <a:gd name="connsiteX6" fmla="*/ 1793755 w 3119546"/>
                <a:gd name="connsiteY6" fmla="*/ 1418168 h 2977919"/>
                <a:gd name="connsiteX7" fmla="*/ 1559794 w 3119546"/>
                <a:gd name="connsiteY7" fmla="*/ 1652128 h 2977919"/>
                <a:gd name="connsiteX8" fmla="*/ 1559708 w 3119546"/>
                <a:gd name="connsiteY8" fmla="*/ 1652128 h 2977919"/>
                <a:gd name="connsiteX9" fmla="*/ 1559708 w 3119546"/>
                <a:gd name="connsiteY9" fmla="*/ 2665986 h 2977919"/>
                <a:gd name="connsiteX10" fmla="*/ 1247775 w 3119546"/>
                <a:gd name="connsiteY10" fmla="*/ 2977919 h 2977919"/>
                <a:gd name="connsiteX11" fmla="*/ 311933 w 3119546"/>
                <a:gd name="connsiteY11" fmla="*/ 2977919 h 2977919"/>
                <a:gd name="connsiteX12" fmla="*/ 0 w 3119546"/>
                <a:gd name="connsiteY12" fmla="*/ 2665986 h 2977919"/>
                <a:gd name="connsiteX13" fmla="*/ 0 w 3119546"/>
                <a:gd name="connsiteY13" fmla="*/ 1730144 h 2977919"/>
                <a:gd name="connsiteX14" fmla="*/ 311933 w 3119546"/>
                <a:gd name="connsiteY14" fmla="*/ 1418211 h 2977919"/>
                <a:gd name="connsiteX15" fmla="*/ 1325791 w 3119546"/>
                <a:gd name="connsiteY15" fmla="*/ 1418211 h 2977919"/>
                <a:gd name="connsiteX16" fmla="*/ 1559752 w 3119546"/>
                <a:gd name="connsiteY16" fmla="*/ 1184250 h 2977919"/>
                <a:gd name="connsiteX17" fmla="*/ 1559752 w 3119546"/>
                <a:gd name="connsiteY17" fmla="*/ 170393 h 2977919"/>
                <a:gd name="connsiteX18" fmla="*/ 1581392 w 3119546"/>
                <a:gd name="connsiteY18" fmla="*/ 56023 h 29779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19546" h="2977919">
                  <a:moveTo>
                    <a:pt x="1616286" y="0"/>
                  </a:moveTo>
                  <a:lnTo>
                    <a:pt x="3063015" y="0"/>
                  </a:lnTo>
                  <a:lnTo>
                    <a:pt x="3097922" y="56039"/>
                  </a:lnTo>
                  <a:cubicBezTo>
                    <a:pt x="3111882" y="91452"/>
                    <a:pt x="3119546" y="130029"/>
                    <a:pt x="3119546" y="170393"/>
                  </a:cubicBezTo>
                  <a:lnTo>
                    <a:pt x="3119546" y="1106235"/>
                  </a:lnTo>
                  <a:cubicBezTo>
                    <a:pt x="3119546" y="1278497"/>
                    <a:pt x="2979919" y="1418168"/>
                    <a:pt x="2807613" y="1418168"/>
                  </a:cubicBezTo>
                  <a:lnTo>
                    <a:pt x="1793755" y="1418168"/>
                  </a:lnTo>
                  <a:cubicBezTo>
                    <a:pt x="1664547" y="1418168"/>
                    <a:pt x="1559794" y="1522920"/>
                    <a:pt x="1559794" y="1652128"/>
                  </a:cubicBezTo>
                  <a:lnTo>
                    <a:pt x="1559708" y="1652128"/>
                  </a:lnTo>
                  <a:lnTo>
                    <a:pt x="1559708" y="2665986"/>
                  </a:lnTo>
                  <a:cubicBezTo>
                    <a:pt x="1559708" y="2867095"/>
                    <a:pt x="1385766" y="2977919"/>
                    <a:pt x="1247775" y="2977919"/>
                  </a:cubicBezTo>
                  <a:lnTo>
                    <a:pt x="311933" y="2977919"/>
                  </a:lnTo>
                  <a:cubicBezTo>
                    <a:pt x="139670" y="2977919"/>
                    <a:pt x="0" y="2838292"/>
                    <a:pt x="0" y="2665986"/>
                  </a:cubicBezTo>
                  <a:lnTo>
                    <a:pt x="0" y="1730144"/>
                  </a:lnTo>
                  <a:cubicBezTo>
                    <a:pt x="0" y="1557881"/>
                    <a:pt x="139627" y="1418211"/>
                    <a:pt x="311933" y="1418211"/>
                  </a:cubicBezTo>
                  <a:lnTo>
                    <a:pt x="1325791" y="1418211"/>
                  </a:lnTo>
                  <a:cubicBezTo>
                    <a:pt x="1454999" y="1418211"/>
                    <a:pt x="1559752" y="1313458"/>
                    <a:pt x="1559752" y="1184250"/>
                  </a:cubicBezTo>
                  <a:lnTo>
                    <a:pt x="1559752" y="170393"/>
                  </a:lnTo>
                  <a:cubicBezTo>
                    <a:pt x="1559752" y="130008"/>
                    <a:pt x="1567426" y="91430"/>
                    <a:pt x="1581392" y="56023"/>
                  </a:cubicBezTo>
                  <a:close/>
                </a:path>
              </a:pathLst>
            </a:custGeom>
            <a:grpFill/>
            <a:ln w="0"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53AB779B-EC93-216D-8667-D37873E2CD98}"/>
                </a:ext>
              </a:extLst>
            </p:cNvPr>
            <p:cNvSpPr>
              <a:spLocks noGrp="1" noRot="1" noMove="1" noResize="1" noEditPoints="1" noAdjustHandles="1" noChangeArrowheads="1" noChangeShapeType="1"/>
            </p:cNvSpPr>
            <p:nvPr/>
          </p:nvSpPr>
          <p:spPr>
            <a:xfrm>
              <a:off x="9354533" y="1418124"/>
              <a:ext cx="2837466" cy="3119502"/>
            </a:xfrm>
            <a:custGeom>
              <a:avLst/>
              <a:gdLst>
                <a:gd name="connsiteX0" fmla="*/ 2807527 w 2837466"/>
                <a:gd name="connsiteY0" fmla="*/ 0 h 3119502"/>
                <a:gd name="connsiteX1" fmla="*/ 2837466 w 2837466"/>
                <a:gd name="connsiteY1" fmla="*/ 4144 h 3119502"/>
                <a:gd name="connsiteX2" fmla="*/ 2837466 w 2837466"/>
                <a:gd name="connsiteY2" fmla="*/ 1555607 h 3119502"/>
                <a:gd name="connsiteX3" fmla="*/ 2807527 w 2837466"/>
                <a:gd name="connsiteY3" fmla="*/ 1559751 h 3119502"/>
                <a:gd name="connsiteX4" fmla="*/ 1793669 w 2837466"/>
                <a:gd name="connsiteY4" fmla="*/ 1559751 h 3119502"/>
                <a:gd name="connsiteX5" fmla="*/ 1559709 w 2837466"/>
                <a:gd name="connsiteY5" fmla="*/ 1793712 h 3119502"/>
                <a:gd name="connsiteX6" fmla="*/ 1559709 w 2837466"/>
                <a:gd name="connsiteY6" fmla="*/ 2807569 h 3119502"/>
                <a:gd name="connsiteX7" fmla="*/ 1247775 w 2837466"/>
                <a:gd name="connsiteY7" fmla="*/ 3119502 h 3119502"/>
                <a:gd name="connsiteX8" fmla="*/ 311933 w 2837466"/>
                <a:gd name="connsiteY8" fmla="*/ 3119502 h 3119502"/>
                <a:gd name="connsiteX9" fmla="*/ 0 w 2837466"/>
                <a:gd name="connsiteY9" fmla="*/ 2807569 h 3119502"/>
                <a:gd name="connsiteX10" fmla="*/ 0 w 2837466"/>
                <a:gd name="connsiteY10" fmla="*/ 1871727 h 3119502"/>
                <a:gd name="connsiteX11" fmla="*/ 311933 w 2837466"/>
                <a:gd name="connsiteY11" fmla="*/ 1559794 h 3119502"/>
                <a:gd name="connsiteX12" fmla="*/ 1325791 w 2837466"/>
                <a:gd name="connsiteY12" fmla="*/ 1559794 h 3119502"/>
                <a:gd name="connsiteX13" fmla="*/ 1559751 w 2837466"/>
                <a:gd name="connsiteY13" fmla="*/ 1325834 h 3119502"/>
                <a:gd name="connsiteX14" fmla="*/ 1559751 w 2837466"/>
                <a:gd name="connsiteY14" fmla="*/ 311976 h 3119502"/>
                <a:gd name="connsiteX15" fmla="*/ 1871685 w 2837466"/>
                <a:gd name="connsiteY15" fmla="*/ 43 h 3119502"/>
                <a:gd name="connsiteX16" fmla="*/ 2807527 w 2837466"/>
                <a:gd name="connsiteY16" fmla="*/ 43 h 3119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837466" h="3119502">
                  <a:moveTo>
                    <a:pt x="2807527" y="0"/>
                  </a:moveTo>
                  <a:lnTo>
                    <a:pt x="2837466" y="4144"/>
                  </a:lnTo>
                  <a:lnTo>
                    <a:pt x="2837466" y="1555607"/>
                  </a:lnTo>
                  <a:lnTo>
                    <a:pt x="2807527" y="1559751"/>
                  </a:lnTo>
                  <a:lnTo>
                    <a:pt x="1793669" y="1559751"/>
                  </a:lnTo>
                  <a:cubicBezTo>
                    <a:pt x="1664461" y="1559751"/>
                    <a:pt x="1559709" y="1664504"/>
                    <a:pt x="1559709" y="1793712"/>
                  </a:cubicBezTo>
                  <a:lnTo>
                    <a:pt x="1559709" y="2807569"/>
                  </a:lnTo>
                  <a:cubicBezTo>
                    <a:pt x="1559709" y="3008679"/>
                    <a:pt x="1385767" y="3119502"/>
                    <a:pt x="1247775" y="3119502"/>
                  </a:cubicBezTo>
                  <a:lnTo>
                    <a:pt x="311933" y="3119502"/>
                  </a:lnTo>
                  <a:cubicBezTo>
                    <a:pt x="139670" y="3119502"/>
                    <a:pt x="0" y="2979875"/>
                    <a:pt x="0" y="2807569"/>
                  </a:cubicBezTo>
                  <a:lnTo>
                    <a:pt x="0" y="1871727"/>
                  </a:lnTo>
                  <a:cubicBezTo>
                    <a:pt x="0" y="1699464"/>
                    <a:pt x="139627" y="1559794"/>
                    <a:pt x="311933" y="1559794"/>
                  </a:cubicBezTo>
                  <a:lnTo>
                    <a:pt x="1325791" y="1559794"/>
                  </a:lnTo>
                  <a:cubicBezTo>
                    <a:pt x="1454999" y="1559794"/>
                    <a:pt x="1559751" y="1455042"/>
                    <a:pt x="1559751" y="1325834"/>
                  </a:cubicBezTo>
                  <a:lnTo>
                    <a:pt x="1559751" y="311976"/>
                  </a:lnTo>
                  <a:cubicBezTo>
                    <a:pt x="1559751" y="139713"/>
                    <a:pt x="1699379" y="43"/>
                    <a:pt x="1871685" y="43"/>
                  </a:cubicBezTo>
                  <a:lnTo>
                    <a:pt x="2807527" y="43"/>
                  </a:lnTo>
                  <a:close/>
                </a:path>
              </a:pathLst>
            </a:custGeom>
            <a:grpFill/>
            <a:ln w="0"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3C7BEB01-6BC0-5535-D183-A8E3C1E8D3C9}"/>
                </a:ext>
              </a:extLst>
            </p:cNvPr>
            <p:cNvSpPr>
              <a:spLocks noGrp="1" noRot="1" noMove="1" noResize="1" noEditPoints="1" noAdjustHandles="1" noChangeArrowheads="1" noChangeShapeType="1"/>
            </p:cNvSpPr>
            <p:nvPr/>
          </p:nvSpPr>
          <p:spPr>
            <a:xfrm>
              <a:off x="10914243" y="4537670"/>
              <a:ext cx="1277757" cy="1559707"/>
            </a:xfrm>
            <a:custGeom>
              <a:avLst/>
              <a:gdLst>
                <a:gd name="connsiteX0" fmla="*/ 311933 w 1277757"/>
                <a:gd name="connsiteY0" fmla="*/ 0 h 1559707"/>
                <a:gd name="connsiteX1" fmla="*/ 1277757 w 1277757"/>
                <a:gd name="connsiteY1" fmla="*/ 0 h 1559707"/>
                <a:gd name="connsiteX2" fmla="*/ 1277757 w 1277757"/>
                <a:gd name="connsiteY2" fmla="*/ 1555115 h 1559707"/>
                <a:gd name="connsiteX3" fmla="*/ 1247775 w 1277757"/>
                <a:gd name="connsiteY3" fmla="*/ 1559707 h 1559707"/>
                <a:gd name="connsiteX4" fmla="*/ 311933 w 1277757"/>
                <a:gd name="connsiteY4" fmla="*/ 1559707 h 1559707"/>
                <a:gd name="connsiteX5" fmla="*/ 0 w 1277757"/>
                <a:gd name="connsiteY5" fmla="*/ 1247775 h 1559707"/>
                <a:gd name="connsiteX6" fmla="*/ 0 w 1277757"/>
                <a:gd name="connsiteY6" fmla="*/ 311933 h 1559707"/>
                <a:gd name="connsiteX7" fmla="*/ 311933 w 1277757"/>
                <a:gd name="connsiteY7" fmla="*/ 0 h 15597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77757" h="1559707">
                  <a:moveTo>
                    <a:pt x="311933" y="0"/>
                  </a:moveTo>
                  <a:lnTo>
                    <a:pt x="1277757" y="0"/>
                  </a:lnTo>
                  <a:lnTo>
                    <a:pt x="1277757" y="1555115"/>
                  </a:lnTo>
                  <a:lnTo>
                    <a:pt x="1247775" y="1559707"/>
                  </a:lnTo>
                  <a:lnTo>
                    <a:pt x="311933" y="1559707"/>
                  </a:lnTo>
                  <a:cubicBezTo>
                    <a:pt x="139670" y="1559707"/>
                    <a:pt x="0" y="1420081"/>
                    <a:pt x="0" y="1247775"/>
                  </a:cubicBezTo>
                  <a:lnTo>
                    <a:pt x="0" y="311933"/>
                  </a:lnTo>
                  <a:cubicBezTo>
                    <a:pt x="0" y="139670"/>
                    <a:pt x="139627" y="0"/>
                    <a:pt x="311933" y="0"/>
                  </a:cubicBezTo>
                  <a:close/>
                </a:path>
              </a:pathLst>
            </a:custGeom>
            <a:grpFill/>
            <a:ln w="0" cap="flat">
              <a:noFill/>
              <a:prstDash val="solid"/>
              <a:miter/>
            </a:ln>
          </p:spPr>
          <p:txBody>
            <a:bodyPr rtlCol="0" anchor="ctr"/>
            <a:lstStyle/>
            <a:p>
              <a:endParaRPr lang="en-US" dirty="0"/>
            </a:p>
          </p:txBody>
        </p:sp>
      </p:grpSp>
      <p:sp>
        <p:nvSpPr>
          <p:cNvPr id="2" name="Title 1"/>
          <p:cNvSpPr>
            <a:spLocks noGrp="1"/>
          </p:cNvSpPr>
          <p:nvPr>
            <p:ph type="ctrTitle" hasCustomPrompt="1"/>
          </p:nvPr>
        </p:nvSpPr>
        <p:spPr bwMode="invGray">
          <a:xfrm>
            <a:off x="471600" y="3070800"/>
            <a:ext cx="6505200" cy="720000"/>
          </a:xfrm>
        </p:spPr>
        <p:txBody>
          <a:bodyPr lIns="0" tIns="0" rIns="0" bIns="0" anchor="ctr" anchorCtr="0"/>
          <a:lstStyle>
            <a:lvl1pPr algn="l">
              <a:lnSpc>
                <a:spcPct val="82000"/>
              </a:lnSpc>
              <a:defRPr sz="5000" b="0" cap="none" baseline="0">
                <a:solidFill>
                  <a:srgbClr val="035C67"/>
                </a:solidFill>
              </a:defRPr>
            </a:lvl1pPr>
          </a:lstStyle>
          <a:p>
            <a:r>
              <a:rPr lang="en-US" noProof="0" dirty="0"/>
              <a:t>Click to add title</a:t>
            </a:r>
            <a:endParaRPr lang="en-US" dirty="0"/>
          </a:p>
        </p:txBody>
      </p:sp>
      <p:sp>
        <p:nvSpPr>
          <p:cNvPr id="12" name="Legal dynamic" descr="{&quot;templafy&quot;:{&quot;id&quot;:&quot;b3df6949-19c8-43d0-a3ea-b0af9252e02e&quot;}}" title="Form.Cigna_Confidentiality.EvernorthConfidentiality">
            <a:extLst>
              <a:ext uri="{FF2B5EF4-FFF2-40B4-BE49-F238E27FC236}">
                <a16:creationId xmlns:a16="http://schemas.microsoft.com/office/drawing/2014/main" id="{277B4946-98FA-1029-C301-F518F400A71D}"/>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3" name="Internal Stamp dynamic" descr="{&quot;templafy&quot;:{&quot;id&quot;:&quot;c0a88b5e-c805-4221-87fb-89c3088d987a&quot;}}" title="Form.Cigna_Confidentiality.Cigna_confidentiality">
            <a:extLst>
              <a:ext uri="{FF2B5EF4-FFF2-40B4-BE49-F238E27FC236}">
                <a16:creationId xmlns:a16="http://schemas.microsoft.com/office/drawing/2014/main" id="{A412EB88-9FB0-5430-3BF6-0C6E3810143A}"/>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730540031" name="Dynamic logo dark mint" descr="{&quot;templafy&quot;:{&quot;id&quot;:&quot;7c62c8fa-6a1a-4b13-b9af-feb09de43c2c&quot;}}"/>
          <p:cNvPicPr>
            <a:picLocks noChangeAspect="1"/>
          </p:cNvPicPr>
          <p:nvPr/>
        </p:nvPicPr>
        <p:blipFill>
          <a:blip r:embed="rId2"/>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3" name="Date Placeholder 5">
            <a:extLst>
              <a:ext uri="{FF2B5EF4-FFF2-40B4-BE49-F238E27FC236}">
                <a16:creationId xmlns:a16="http://schemas.microsoft.com/office/drawing/2014/main" id="{CDB8889B-7D4B-B157-EAE6-E71A7CB638FC}"/>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803498085"/>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A. Breaker two lines">
    <p:bg>
      <p:bgRef idx="1001">
        <a:schemeClr val="bg1"/>
      </p:bgRef>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6" name="Graphic cross">
            <a:extLst>
              <a:ext uri="{FF2B5EF4-FFF2-40B4-BE49-F238E27FC236}">
                <a16:creationId xmlns:a16="http://schemas.microsoft.com/office/drawing/2014/main" id="{3397F3B4-EC3B-29BD-5415-60416F9C2A48}"/>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 xmlns:asvg="http://schemas.microsoft.com/office/drawing/2016/SVG/main" r:embed="rId3"/>
              </a:ext>
            </a:extLst>
          </a:blip>
          <a:stretch>
            <a:fillRect/>
          </a:stretch>
        </p:blipFill>
        <p:spPr>
          <a:xfrm>
            <a:off x="0" y="0"/>
            <a:ext cx="12192000" cy="6858000"/>
          </a:xfrm>
          <a:prstGeom prst="rect">
            <a:avLst/>
          </a:prstGeom>
        </p:spPr>
      </p:pic>
      <p:sp>
        <p:nvSpPr>
          <p:cNvPr id="2" name="Title 1"/>
          <p:cNvSpPr>
            <a:spLocks noGrp="1"/>
          </p:cNvSpPr>
          <p:nvPr>
            <p:ph type="ctrTitle" hasCustomPrompt="1"/>
          </p:nvPr>
        </p:nvSpPr>
        <p:spPr bwMode="white">
          <a:xfrm>
            <a:off x="1472400" y="2700000"/>
            <a:ext cx="9248400" cy="1461600"/>
          </a:xfrm>
          <a:noFill/>
        </p:spPr>
        <p:txBody>
          <a:bodyPr lIns="0" tIns="0" rIns="0" bIns="0" anchor="ctr" anchorCtr="0"/>
          <a:lstStyle>
            <a:lvl1pPr algn="ctr">
              <a:lnSpc>
                <a:spcPct val="82000"/>
              </a:lnSpc>
              <a:defRPr sz="5500" b="0" cap="none" baseline="0">
                <a:solidFill>
                  <a:srgbClr val="3EFFC0"/>
                </a:solidFill>
              </a:defRPr>
            </a:lvl1pPr>
          </a:lstStyle>
          <a:p>
            <a:r>
              <a:rPr lang="en-US" noProof="0" dirty="0"/>
              <a:t>Click to add title one or two lines</a:t>
            </a:r>
            <a:endParaRPr lang="en-US" dirty="0"/>
          </a:p>
        </p:txBody>
      </p:sp>
      <p:sp>
        <p:nvSpPr>
          <p:cNvPr id="4" name="Legal dynamic" descr="{&quot;templafy&quot;:{&quot;id&quot;:&quot;bc937550-cd4a-4d1b-b042-3bf0d698da1b&quot;}}" title="Form.Cigna_Confidentiality.EvernorthConfidentiality">
            <a:extLst>
              <a:ext uri="{FF2B5EF4-FFF2-40B4-BE49-F238E27FC236}">
                <a16:creationId xmlns:a16="http://schemas.microsoft.com/office/drawing/2014/main" id="{1EE78D64-9062-2C87-DB44-71A4100BC205}"/>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d33c5b49-55bb-44c3-a00e-0738402da380&quot;}}" title="Form.Cigna_Confidentiality.Cigna_confidentiality">
            <a:extLst>
              <a:ext uri="{FF2B5EF4-FFF2-40B4-BE49-F238E27FC236}">
                <a16:creationId xmlns:a16="http://schemas.microsoft.com/office/drawing/2014/main" id="{843BD6EC-0EE8-108A-F5ED-B7C8AAFBFA6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516817517" name="Dynamic logo hypermint" descr="{&quot;templafy&quot;:{&quot;id&quot;:&quot;73934016-a5e2-44e4-9fd7-cc826cb0495c&quot;}}"/>
          <p:cNvPicPr>
            <a:picLocks noChangeAspect="1"/>
          </p:cNvPicPr>
          <p:nvPr/>
        </p:nvPicPr>
        <p:blipFill>
          <a:blip r:embed="rId4"/>
          <a:stretch>
            <a:fillRect/>
          </a:stretch>
        </p:blipFill>
        <p:spPr>
          <a:xfrm>
            <a:off x="346677" y="5882400"/>
            <a:ext cx="2145600" cy="756000"/>
          </a:xfrm>
          <a:prstGeom prst="rect">
            <a:avLst/>
          </a:prstGeom>
        </p:spPr>
      </p:pic>
      <p:sp>
        <p:nvSpPr>
          <p:cNvPr id="9" name="Slide Number Placeholder 8">
            <a:extLst>
              <a:ext uri="{FF2B5EF4-FFF2-40B4-BE49-F238E27FC236}">
                <a16:creationId xmlns:a16="http://schemas.microsoft.com/office/drawing/2014/main" id="{42658D38-9F5D-D5DA-A4E0-58E42A14FE0E}"/>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8" name="Date Placeholder 7">
            <a:extLst>
              <a:ext uri="{FF2B5EF4-FFF2-40B4-BE49-F238E27FC236}">
                <a16:creationId xmlns:a16="http://schemas.microsoft.com/office/drawing/2014/main" id="{A7603C82-1CB3-CFF8-25EE-45B7F8343AFB}"/>
              </a:ext>
            </a:extLst>
          </p:cNvPr>
          <p:cNvSpPr>
            <a:spLocks noGrp="1"/>
          </p:cNvSpPr>
          <p:nvPr>
            <p:ph type="dt" sz="half" idx="12"/>
          </p:nvPr>
        </p:nvSpPr>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946990965"/>
      </p:ext>
    </p:extLst>
  </p:cSld>
  <p:clrMapOvr>
    <a:overrideClrMapping bg1="dk1" tx1="lt1" bg2="dk2" tx2="lt2" accent1="accent1" accent2="accent2" accent3="accent3" accent4="accent4" accent5="accent5" accent6="accent6" hlink="hlink" folHlink="folHlink"/>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 Breaker two lines">
    <p:bg>
      <p:bgRef idx="1001">
        <a:schemeClr val="bg1"/>
      </p:bgRef>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6" name="Graphic cross">
            <a:extLst>
              <a:ext uri="{FF2B5EF4-FFF2-40B4-BE49-F238E27FC236}">
                <a16:creationId xmlns:a16="http://schemas.microsoft.com/office/drawing/2014/main" id="{DC7709FF-6A19-C1CD-8819-2E0D7BEFFCA2}"/>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 xmlns:asvg="http://schemas.microsoft.com/office/drawing/2016/SVG/main" r:embed="rId3"/>
              </a:ext>
            </a:extLst>
          </a:blip>
          <a:stretch>
            <a:fillRect/>
          </a:stretch>
        </p:blipFill>
        <p:spPr>
          <a:xfrm>
            <a:off x="0" y="0"/>
            <a:ext cx="12192000" cy="6858000"/>
          </a:xfrm>
          <a:prstGeom prst="rect">
            <a:avLst/>
          </a:prstGeom>
        </p:spPr>
      </p:pic>
      <p:sp>
        <p:nvSpPr>
          <p:cNvPr id="2" name="Title 1"/>
          <p:cNvSpPr>
            <a:spLocks noGrp="1"/>
          </p:cNvSpPr>
          <p:nvPr>
            <p:ph type="ctrTitle" hasCustomPrompt="1"/>
          </p:nvPr>
        </p:nvSpPr>
        <p:spPr bwMode="white">
          <a:xfrm>
            <a:off x="1472400" y="2700000"/>
            <a:ext cx="9248400" cy="1461600"/>
          </a:xfrm>
          <a:noFill/>
        </p:spPr>
        <p:txBody>
          <a:bodyPr lIns="0" tIns="0" rIns="0" bIns="0" anchor="ctr" anchorCtr="0"/>
          <a:lstStyle>
            <a:lvl1pPr algn="ctr">
              <a:lnSpc>
                <a:spcPct val="82000"/>
              </a:lnSpc>
              <a:defRPr sz="5500" b="0" cap="none" baseline="0">
                <a:solidFill>
                  <a:srgbClr val="035C67"/>
                </a:solidFill>
              </a:defRPr>
            </a:lvl1pPr>
          </a:lstStyle>
          <a:p>
            <a:r>
              <a:rPr lang="en-US" noProof="0" dirty="0"/>
              <a:t>Click to add title one or two lines</a:t>
            </a:r>
            <a:endParaRPr lang="en-US" dirty="0"/>
          </a:p>
        </p:txBody>
      </p:sp>
      <p:sp>
        <p:nvSpPr>
          <p:cNvPr id="4" name="Legal dynamic" descr="{&quot;templafy&quot;:{&quot;id&quot;:&quot;b02cec18-634d-4918-b93f-fa8d7e9d97de&quot;}}" title="Form.Cigna_Confidentiality.EvernorthConfidentiality">
            <a:extLst>
              <a:ext uri="{FF2B5EF4-FFF2-40B4-BE49-F238E27FC236}">
                <a16:creationId xmlns:a16="http://schemas.microsoft.com/office/drawing/2014/main" id="{8E1BE577-B361-29D0-8DCC-248E6256A662}"/>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db60302f-f9d4-4e6c-abad-83368e94df99&quot;}}" title="Form.Cigna_Confidentiality.Cigna_confidentiality">
            <a:extLst>
              <a:ext uri="{FF2B5EF4-FFF2-40B4-BE49-F238E27FC236}">
                <a16:creationId xmlns:a16="http://schemas.microsoft.com/office/drawing/2014/main" id="{314BA6B4-D178-BBB1-96B1-8C45998C03F6}"/>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404210674" name="Dynamic logo dark mint" descr="{&quot;templafy&quot;:{&quot;id&quot;:&quot;2ced358d-72a0-484d-b111-e574244d24a1&quot;}}"/>
          <p:cNvPicPr>
            <a:picLocks noChangeAspect="1"/>
          </p:cNvPicPr>
          <p:nvPr/>
        </p:nvPicPr>
        <p:blipFill>
          <a:blip r:embed="rId4"/>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3" name="Date Placeholder 5">
            <a:extLst>
              <a:ext uri="{FF2B5EF4-FFF2-40B4-BE49-F238E27FC236}">
                <a16:creationId xmlns:a16="http://schemas.microsoft.com/office/drawing/2014/main" id="{425A7A59-526D-417A-0F7E-B253444D561D}"/>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349367960"/>
      </p:ext>
    </p:extLst>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 Breaker two lines">
    <p:bg>
      <p:bgRef idx="1001">
        <a:schemeClr val="bg1"/>
      </p:bgRef>
    </p:bg>
    <p:spTree>
      <p:nvGrpSpPr>
        <p:cNvPr id="1" name=""/>
        <p:cNvGrpSpPr/>
        <p:nvPr/>
      </p:nvGrpSpPr>
      <p:grpSpPr>
        <a:xfrm>
          <a:off x="0" y="0"/>
          <a:ext cx="0" cy="0"/>
          <a:chOff x="0" y="0"/>
          <a:chExt cx="0" cy="0"/>
        </a:xfrm>
      </p:grpSpPr>
      <p:sp>
        <p:nvSpPr>
          <p:cNvPr id="7" name="Background"/>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3" name="Graphic cross">
            <a:extLst>
              <a:ext uri="{FF2B5EF4-FFF2-40B4-BE49-F238E27FC236}">
                <a16:creationId xmlns:a16="http://schemas.microsoft.com/office/drawing/2014/main" id="{0D17D0C3-FBCC-189F-1534-E87FF2CF8687}"/>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 xmlns:asvg="http://schemas.microsoft.com/office/drawing/2016/SVG/main" r:embed="rId3"/>
              </a:ext>
            </a:extLst>
          </a:blip>
          <a:stretch>
            <a:fillRect/>
          </a:stretch>
        </p:blipFill>
        <p:spPr>
          <a:xfrm>
            <a:off x="0" y="0"/>
            <a:ext cx="12192000" cy="6858000"/>
          </a:xfrm>
          <a:prstGeom prst="rect">
            <a:avLst/>
          </a:prstGeom>
        </p:spPr>
      </p:pic>
      <p:sp>
        <p:nvSpPr>
          <p:cNvPr id="2" name="Title 1"/>
          <p:cNvSpPr>
            <a:spLocks noGrp="1"/>
          </p:cNvSpPr>
          <p:nvPr>
            <p:ph type="ctrTitle" hasCustomPrompt="1"/>
          </p:nvPr>
        </p:nvSpPr>
        <p:spPr bwMode="white">
          <a:xfrm>
            <a:off x="1472400" y="2700000"/>
            <a:ext cx="9248400" cy="1461600"/>
          </a:xfrm>
          <a:noFill/>
        </p:spPr>
        <p:txBody>
          <a:bodyPr lIns="0" tIns="0" rIns="0" bIns="0" anchor="ctr" anchorCtr="0"/>
          <a:lstStyle>
            <a:lvl1pPr algn="ctr">
              <a:lnSpc>
                <a:spcPct val="82000"/>
              </a:lnSpc>
              <a:defRPr sz="5500" b="0" cap="none" baseline="0">
                <a:solidFill>
                  <a:schemeClr val="tx2"/>
                </a:solidFill>
              </a:defRPr>
            </a:lvl1pPr>
          </a:lstStyle>
          <a:p>
            <a:r>
              <a:rPr lang="en-US" noProof="0" dirty="0"/>
              <a:t>Click to add title one or two lines</a:t>
            </a:r>
            <a:endParaRPr lang="en-US" dirty="0"/>
          </a:p>
        </p:txBody>
      </p:sp>
      <p:sp>
        <p:nvSpPr>
          <p:cNvPr id="6" name="Legal dynamic" descr="{&quot;templafy&quot;:{&quot;id&quot;:&quot;aad74a85-87f8-41da-9f36-c311e1399bae&quot;}}" title="Form.Cigna_Confidentiality.EvernorthConfidentiality">
            <a:extLst>
              <a:ext uri="{FF2B5EF4-FFF2-40B4-BE49-F238E27FC236}">
                <a16:creationId xmlns:a16="http://schemas.microsoft.com/office/drawing/2014/main" id="{301FC125-FF7E-ABB9-E2F8-B9E9EC11F6CF}"/>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2" name="Internal Stamp dynamic" descr="{&quot;templafy&quot;:{&quot;id&quot;:&quot;354ab9bc-9961-458b-94a3-20087657ba48&quot;}}" title="Form.Cigna_Confidentiality.Cigna_confidentiality">
            <a:extLst>
              <a:ext uri="{FF2B5EF4-FFF2-40B4-BE49-F238E27FC236}">
                <a16:creationId xmlns:a16="http://schemas.microsoft.com/office/drawing/2014/main" id="{5C1BC7D9-0801-EA19-281A-2CC4CEAC8B0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510067875" name="Dynamic logo hypermint" descr="{&quot;templafy&quot;:{&quot;id&quot;:&quot;b24b520b-82a4-4a13-b0e0-3deef9f01d5d&quot;}}"/>
          <p:cNvPicPr>
            <a:picLocks noChangeAspect="1"/>
          </p:cNvPicPr>
          <p:nvPr/>
        </p:nvPicPr>
        <p:blipFill>
          <a:blip r:embed="rId4"/>
          <a:stretch>
            <a:fillRect/>
          </a:stretch>
        </p:blipFill>
        <p:spPr>
          <a:xfrm>
            <a:off x="346677" y="5882400"/>
            <a:ext cx="2145600" cy="756000"/>
          </a:xfrm>
          <a:prstGeom prst="rect">
            <a:avLst/>
          </a:prstGeom>
        </p:spPr>
      </p:pic>
      <p:sp>
        <p:nvSpPr>
          <p:cNvPr id="10" name="Slide Number Placeholder 9">
            <a:extLst>
              <a:ext uri="{FF2B5EF4-FFF2-40B4-BE49-F238E27FC236}">
                <a16:creationId xmlns:a16="http://schemas.microsoft.com/office/drawing/2014/main" id="{984D7319-E350-433D-A2B8-30EE77938BFC}"/>
              </a:ext>
            </a:extLst>
          </p:cNvPr>
          <p:cNvSpPr>
            <a:spLocks noGrp="1"/>
          </p:cNvSpPr>
          <p:nvPr>
            <p:ph type="sldNum" sz="quarter" idx="12"/>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4" name="Date Placeholder 5">
            <a:extLst>
              <a:ext uri="{FF2B5EF4-FFF2-40B4-BE49-F238E27FC236}">
                <a16:creationId xmlns:a16="http://schemas.microsoft.com/office/drawing/2014/main" id="{D3EB88F2-AB37-2E89-154E-EEFDE0A3A9D9}"/>
              </a:ext>
            </a:extLst>
          </p:cNvPr>
          <p:cNvSpPr>
            <a:spLocks noGrp="1"/>
          </p:cNvSpPr>
          <p:nvPr>
            <p:ph type="dt" sz="half" idx="13"/>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2218980432"/>
      </p:ext>
    </p:extLst>
  </p:cSld>
  <p:clrMapOvr>
    <a:overrideClrMapping bg1="dk1" tx1="lt1" bg2="dk2" tx2="lt2" accent1="accent1" accent2="accent2" accent3="accent3" accent4="accent4" accent5="accent5" accent6="accent6" hlink="hlink" folHlink="folHlink"/>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 Content">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a:extLst>
              <a:ext uri="{FF2B5EF4-FFF2-40B4-BE49-F238E27FC236}">
                <a16:creationId xmlns:a16="http://schemas.microsoft.com/office/drawing/2014/main" id="{6624D307-17AE-B860-B6BF-FBF2952BA7BA}"/>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4" name="Text Placeholder notes">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2" name="Date Placeholder 5">
            <a:extLst>
              <a:ext uri="{FF2B5EF4-FFF2-40B4-BE49-F238E27FC236}">
                <a16:creationId xmlns:a16="http://schemas.microsoft.com/office/drawing/2014/main" id="{061C8315-12EC-5E0D-B4DC-24F0A0F9B17C}"/>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775091772"/>
      </p:ext>
    </p:extLst>
  </p:cSld>
  <p:clrMapOvr>
    <a:masterClrMapping/>
  </p:clrMapOvr>
  <p:extLst>
    <p:ext uri="{DCECCB84-F9BA-43D5-87BE-67443E8EF086}">
      <p15:sldGuideLst xmlns:p15="http://schemas.microsoft.com/office/powerpoint/2012/main">
        <p15:guide id="1" orient="horz" pos="1074" userDrawn="1">
          <p15:clr>
            <a:srgbClr val="F26B43"/>
          </p15:clr>
        </p15:guide>
        <p15:guide id="2" orient="horz" pos="486" userDrawn="1">
          <p15:clr>
            <a:srgbClr val="F26B43"/>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A.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3211"/>
            <a:ext cx="7588800" cy="1166400"/>
          </a:xfrm>
        </p:spPr>
        <p:txBody>
          <a:bodyPr/>
          <a:lstStyle>
            <a:lvl1pPr>
              <a:defRPr>
                <a:solidFill>
                  <a:schemeClr val="accent3"/>
                </a:solidFill>
              </a:defRPr>
            </a:lvl1pPr>
          </a:lstStyle>
          <a:p>
            <a:r>
              <a:rPr lang="en-US" noProof="0" dirty="0"/>
              <a:t>Click to add title</a:t>
            </a:r>
            <a:endParaRPr lang="en-US" dirty="0"/>
          </a:p>
        </p:txBody>
      </p:sp>
      <p:sp>
        <p:nvSpPr>
          <p:cNvPr id="5" name="Text Placeholder eyebrow">
            <a:extLst>
              <a:ext uri="{FF2B5EF4-FFF2-40B4-BE49-F238E27FC236}">
                <a16:creationId xmlns:a16="http://schemas.microsoft.com/office/drawing/2014/main" id="{AC99B38F-58E3-4A4E-B317-D556CB4BD79C}"/>
              </a:ext>
            </a:extLst>
          </p:cNvPr>
          <p:cNvSpPr>
            <a:spLocks noGrp="1"/>
          </p:cNvSpPr>
          <p:nvPr>
            <p:ph type="body" sz="quarter" idx="17" hasCustomPrompt="1"/>
          </p:nvPr>
        </p:nvSpPr>
        <p:spPr>
          <a:xfrm>
            <a:off x="360000" y="296574"/>
            <a:ext cx="7588800"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3" name="Content Placeholder 2"/>
          <p:cNvSpPr>
            <a:spLocks noGrp="1"/>
          </p:cNvSpPr>
          <p:nvPr>
            <p:ph idx="1" hasCustomPrompt="1"/>
          </p:nvPr>
        </p:nvSpPr>
        <p:spPr>
          <a:xfrm>
            <a:off x="360000" y="1706399"/>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4" name="Text Placeholder notes">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8" name="Slide Number Placeholder 7">
            <a:extLst>
              <a:ext uri="{FF2B5EF4-FFF2-40B4-BE49-F238E27FC236}">
                <a16:creationId xmlns:a16="http://schemas.microsoft.com/office/drawing/2014/main" id="{B1EB77F1-4CE8-6D3E-4EBE-D5782485C18F}"/>
              </a:ext>
            </a:extLst>
          </p:cNvPr>
          <p:cNvSpPr>
            <a:spLocks noGrp="1"/>
          </p:cNvSpPr>
          <p:nvPr>
            <p:ph type="sldNum" sz="quarter" idx="19"/>
          </p:nvPr>
        </p:nvSpPr>
        <p:spPr/>
        <p:txBody>
          <a:bodyPr/>
          <a:lstStyle/>
          <a:p>
            <a:fld id="{23AA811B-2EBD-4900-905E-5BE206449611}" type="slidenum">
              <a:rPr lang="en-US" smtClean="0"/>
              <a:pPr/>
              <a:t>‹#›</a:t>
            </a:fld>
            <a:endParaRPr lang="en-US" dirty="0"/>
          </a:p>
        </p:txBody>
      </p:sp>
      <p:sp>
        <p:nvSpPr>
          <p:cNvPr id="4" name="Date Placeholder 5">
            <a:extLst>
              <a:ext uri="{FF2B5EF4-FFF2-40B4-BE49-F238E27FC236}">
                <a16:creationId xmlns:a16="http://schemas.microsoft.com/office/drawing/2014/main" id="{1824F7E0-09FE-608C-C740-C95642268977}"/>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731011111"/>
      </p:ext>
    </p:extLst>
  </p:cSld>
  <p:clrMapOvr>
    <a:masterClrMapping/>
  </p:clrMapOvr>
  <p:extLst>
    <p:ext uri="{DCECCB84-F9BA-43D5-87BE-67443E8EF086}">
      <p15:sldGuideLst xmlns:p15="http://schemas.microsoft.com/office/powerpoint/2012/main">
        <p15:guide id="2" orient="horz" pos="336" userDrawn="1">
          <p15:clr>
            <a:srgbClr val="F26B43"/>
          </p15:clr>
        </p15:guide>
        <p15:guide id="3" orient="horz" pos="1071"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 Cover">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5" name="Group 4">
            <a:extLst>
              <a:ext uri="{FF2B5EF4-FFF2-40B4-BE49-F238E27FC236}">
                <a16:creationId xmlns:a16="http://schemas.microsoft.com/office/drawing/2014/main" id="{52AB8F58-9CA7-7C04-25DC-4B758BE316F0}"/>
              </a:ext>
            </a:extLst>
          </p:cNvPr>
          <p:cNvGrpSpPr>
            <a:grpSpLocks noGrp="1" noUngrp="1" noRot="1" noMove="1" noResize="1"/>
          </p:cNvGrpSpPr>
          <p:nvPr userDrawn="1"/>
        </p:nvGrpSpPr>
        <p:grpSpPr>
          <a:xfrm>
            <a:off x="7656945" y="3014"/>
            <a:ext cx="4535055" cy="6861600"/>
            <a:chOff x="7656945" y="3014"/>
            <a:chExt cx="4535055" cy="6858000"/>
          </a:xfrm>
          <a:blipFill dpi="0" rotWithShape="0">
            <a:blip r:embed="rId2"/>
            <a:srcRect/>
            <a:stretch>
              <a:fillRect l="-2000" t="-1000" r="-1000" b="-1000"/>
            </a:stretch>
          </a:blipFill>
        </p:grpSpPr>
        <p:sp>
          <p:nvSpPr>
            <p:cNvPr id="7" name="Freeform 24">
              <a:extLst>
                <a:ext uri="{FF2B5EF4-FFF2-40B4-BE49-F238E27FC236}">
                  <a16:creationId xmlns:a16="http://schemas.microsoft.com/office/drawing/2014/main" id="{F6A15AAB-84DC-8E03-3953-C831D907F816}"/>
                </a:ext>
              </a:extLst>
            </p:cNvPr>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34">
              <a:extLst>
                <a:ext uri="{FF2B5EF4-FFF2-40B4-BE49-F238E27FC236}">
                  <a16:creationId xmlns:a16="http://schemas.microsoft.com/office/drawing/2014/main" id="{ED1ECDA9-0E9A-D958-D6F3-5AD98884AFDC}"/>
                </a:ext>
              </a:extLst>
            </p:cNvPr>
            <p:cNvSpPr>
              <a:spLocks noGrp="1" noRot="1" noMove="1" noResize="1" noEditPoints="1" noAdjustHandles="1" noChangeArrowheads="1" noChangeShapeType="1"/>
            </p:cNvSpPr>
            <p:nvPr userDrawn="1"/>
          </p:nvSpPr>
          <p:spPr>
            <a:xfrm>
              <a:off x="10494438"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1454400"/>
            <a:ext cx="5647100" cy="1820862"/>
          </a:xfrm>
          <a:noFill/>
        </p:spPr>
        <p:txBody>
          <a:bodyPr anchor="b" anchorCtr="0"/>
          <a:lstStyle>
            <a:lvl1pPr algn="l">
              <a:lnSpc>
                <a:spcPct val="85000"/>
              </a:lnSpc>
              <a:defRPr sz="6000" b="0">
                <a:solidFill>
                  <a:srgbClr val="3EFFC0"/>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a:xfrm>
            <a:off x="360000" y="3654000"/>
            <a:ext cx="5647100" cy="2094338"/>
          </a:xfrm>
        </p:spPr>
        <p:txBody>
          <a:bodyPr/>
          <a:lstStyle>
            <a:lvl1pPr marL="0" indent="0">
              <a:lnSpc>
                <a:spcPct val="105000"/>
              </a:lnSpc>
              <a:buNone/>
              <a:defRPr sz="2200">
                <a:solidFill>
                  <a:schemeClr val="tx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9" name="Legal dynamic" descr="{&quot;templafy&quot;:{&quot;id&quot;:&quot;b46e0356-d11d-4c0c-bb44-47845f441d3b&quot;}}" title="Form.Cigna_Confidentiality.EvernorthConfidentiality">
            <a:extLst>
              <a:ext uri="{FF2B5EF4-FFF2-40B4-BE49-F238E27FC236}">
                <a16:creationId xmlns:a16="http://schemas.microsoft.com/office/drawing/2014/main" id="{8B8899C8-69F6-9AFE-AA38-1EABFEB288BA}"/>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2" name="Internal Stamp dynamic" descr="{&quot;templafy&quot;:{&quot;id&quot;:&quot;1bfae404-7cb5-40ec-be1e-e93d00d71701&quot;}}" title="Form.Cigna_Confidentiality.Cigna_confidentiality">
            <a:extLst>
              <a:ext uri="{FF2B5EF4-FFF2-40B4-BE49-F238E27FC236}">
                <a16:creationId xmlns:a16="http://schemas.microsoft.com/office/drawing/2014/main" id="{AA48E33A-6C71-7228-CE4F-30FE9DB67DB9}"/>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087601565" name="Dynamic logo hypermint" descr="{&quot;templafy&quot;:{&quot;id&quot;:&quot;498cbd6b-4050-486b-801a-cf6e018b3e99&quot;}}"/>
          <p:cNvPicPr>
            <a:picLocks noChangeAspect="1"/>
          </p:cNvPicPr>
          <p:nvPr/>
        </p:nvPicPr>
        <p:blipFill>
          <a:blip r:embed="rId3"/>
          <a:stretch>
            <a:fillRect/>
          </a:stretch>
        </p:blipFill>
        <p:spPr>
          <a:xfrm>
            <a:off x="346677" y="5882400"/>
            <a:ext cx="2145600" cy="756000"/>
          </a:xfrm>
          <a:prstGeom prst="rect">
            <a:avLst/>
          </a:prstGeom>
        </p:spPr>
      </p:pic>
      <p:sp>
        <p:nvSpPr>
          <p:cNvPr id="4" name="Slide Number Placeholder 3">
            <a:extLst>
              <a:ext uri="{FF2B5EF4-FFF2-40B4-BE49-F238E27FC236}">
                <a16:creationId xmlns:a16="http://schemas.microsoft.com/office/drawing/2014/main" id="{F1F6D702-BBF5-7531-EF03-D02F16D5E128}"/>
              </a:ext>
            </a:extLst>
          </p:cNvPr>
          <p:cNvSpPr>
            <a:spLocks noGrp="1"/>
          </p:cNvSpPr>
          <p:nvPr>
            <p:ph type="sldNum" sz="quarter" idx="15"/>
          </p:nvPr>
        </p:nvSpPr>
        <p:spPr/>
        <p:txBody>
          <a:bodyPr/>
          <a:lstStyle/>
          <a:p>
            <a:fld id="{23AA811B-2EBD-4900-905E-5BE206449611}" type="slidenum">
              <a:rPr lang="en-US" smtClean="0"/>
              <a:pPr/>
              <a:t>‹#›</a:t>
            </a:fld>
            <a:endParaRPr lang="en-US" dirty="0"/>
          </a:p>
        </p:txBody>
      </p:sp>
      <p:sp>
        <p:nvSpPr>
          <p:cNvPr id="10" name="Date Placeholder 9">
            <a:extLst>
              <a:ext uri="{FF2B5EF4-FFF2-40B4-BE49-F238E27FC236}">
                <a16:creationId xmlns:a16="http://schemas.microsoft.com/office/drawing/2014/main" id="{068D3E16-0F50-0818-E956-9B384127EE23}"/>
              </a:ext>
            </a:extLst>
          </p:cNvPr>
          <p:cNvSpPr>
            <a:spLocks noGrp="1"/>
          </p:cNvSpPr>
          <p:nvPr>
            <p:ph type="dt" sz="half" idx="16"/>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61216427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300" userDrawn="1">
          <p15:clr>
            <a:srgbClr val="F26B43"/>
          </p15:clr>
        </p15:guide>
        <p15:guide id="2" orient="horz" pos="2065" userDrawn="1">
          <p15:clr>
            <a:srgbClr val="F26B43"/>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B.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706400"/>
            <a:ext cx="564515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8" name="Date Placeholder 5">
            <a:extLst>
              <a:ext uri="{FF2B5EF4-FFF2-40B4-BE49-F238E27FC236}">
                <a16:creationId xmlns:a16="http://schemas.microsoft.com/office/drawing/2014/main" id="{332BF6A4-9BF1-056B-A89D-ECE67D5722BB}"/>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370926861"/>
      </p:ext>
    </p:extLst>
  </p:cSld>
  <p:clrMapOvr>
    <a:masterClrMapping/>
  </p:clrMapOvr>
  <p:extLst>
    <p:ext uri="{DCECCB84-F9BA-43D5-87BE-67443E8EF086}">
      <p15:sldGuideLst xmlns:p15="http://schemas.microsoft.com/office/powerpoint/2012/main">
        <p15:guide id="1" orient="horz" pos="486" userDrawn="1">
          <p15:clr>
            <a:srgbClr val="F26B43"/>
          </p15:clr>
        </p15:guide>
        <p15:guide id="2" orient="horz" pos="1074" userDrawn="1">
          <p15:clr>
            <a:srgbClr val="F26B43"/>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B.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a:extLst>
              <a:ext uri="{FF2B5EF4-FFF2-40B4-BE49-F238E27FC236}">
                <a16:creationId xmlns:a16="http://schemas.microsoft.com/office/drawing/2014/main" id="{A6F7E782-EEB2-33F5-CD9D-EC84094E1665}"/>
              </a:ext>
            </a:extLst>
          </p:cNvPr>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8" name="Date Placeholder 5">
            <a:extLst>
              <a:ext uri="{FF2B5EF4-FFF2-40B4-BE49-F238E27FC236}">
                <a16:creationId xmlns:a16="http://schemas.microsoft.com/office/drawing/2014/main" id="{EAA52E40-F354-587D-F2CC-1E9A25B8812B}"/>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04157542"/>
      </p:ext>
    </p:extLst>
  </p:cSld>
  <p:clrMapOvr>
    <a:masterClrMapping/>
  </p:clrMapOvr>
  <p:extLst>
    <p:ext uri="{DCECCB84-F9BA-43D5-87BE-67443E8EF086}">
      <p15:sldGuideLst xmlns:p15="http://schemas.microsoft.com/office/powerpoint/2012/main">
        <p15:guide id="1" orient="horz" pos="1071" userDrawn="1">
          <p15:clr>
            <a:srgbClr val="F26B43"/>
          </p15:clr>
        </p15:guide>
        <p15:guide id="2" orient="horz" pos="336" userDrawn="1">
          <p15:clr>
            <a:srgbClr val="F26B43"/>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59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8128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BAE18DD2-0A52-CF1E-670A-B123A2589299}"/>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449375208"/>
      </p:ext>
    </p:extLst>
  </p:cSld>
  <p:clrMapOvr>
    <a:masterClrMapping/>
  </p:clrMapOvr>
  <p:extLst>
    <p:ext uri="{DCECCB84-F9BA-43D5-87BE-67443E8EF086}">
      <p15:sldGuideLst xmlns:p15="http://schemas.microsoft.com/office/powerpoint/2012/main">
        <p15:guide id="1" orient="horz" pos="486" userDrawn="1">
          <p15:clr>
            <a:srgbClr val="F26B43"/>
          </p15:clr>
        </p15:guide>
        <p15:guide id="2" orient="horz" pos="1074" userDrawn="1">
          <p15:clr>
            <a:srgbClr val="F26B43"/>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a:extLst>
              <a:ext uri="{FF2B5EF4-FFF2-40B4-BE49-F238E27FC236}">
                <a16:creationId xmlns:a16="http://schemas.microsoft.com/office/drawing/2014/main" id="{A6F7E782-EEB2-33F5-CD9D-EC84094E1665}"/>
              </a:ext>
            </a:extLst>
          </p:cNvPr>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3" name="Content Placeholder 2"/>
          <p:cNvSpPr>
            <a:spLocks noGrp="1"/>
          </p:cNvSpPr>
          <p:nvPr>
            <p:ph idx="1" hasCustomPrompt="1"/>
          </p:nvPr>
        </p:nvSpPr>
        <p:spPr>
          <a:xfrm>
            <a:off x="360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44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8" name="Content Placeholder 3">
            <a:extLst>
              <a:ext uri="{FF2B5EF4-FFF2-40B4-BE49-F238E27FC236}">
                <a16:creationId xmlns:a16="http://schemas.microsoft.com/office/drawing/2014/main" id="{DFBABCC5-94E5-5B1E-9A94-449E76472BB5}"/>
              </a:ext>
            </a:extLst>
          </p:cNvPr>
          <p:cNvSpPr>
            <a:spLocks noGrp="1"/>
          </p:cNvSpPr>
          <p:nvPr>
            <p:ph sz="half" idx="20" hasCustomPrompt="1"/>
          </p:nvPr>
        </p:nvSpPr>
        <p:spPr>
          <a:xfrm>
            <a:off x="81288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317E4AB4-6FC5-07E1-4D9A-0F42F3A4CFCB}"/>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077532924"/>
      </p:ext>
    </p:extLst>
  </p:cSld>
  <p:clrMapOvr>
    <a:masterClrMapping/>
  </p:clrMapOvr>
  <p:extLst>
    <p:ext uri="{DCECCB84-F9BA-43D5-87BE-67443E8EF086}">
      <p15:sldGuideLst xmlns:p15="http://schemas.microsoft.com/office/powerpoint/2012/main">
        <p15:guide id="1" orient="horz" pos="1071" userDrawn="1">
          <p15:clr>
            <a:srgbClr val="F26B43"/>
          </p15:clr>
        </p15:guide>
        <p15:guide id="2" orient="horz" pos="336" userDrawn="1">
          <p15:clr>
            <a:srgbClr val="F26B43"/>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59999" y="1706400"/>
            <a:ext cx="2732451"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9" name="Date Placeholder 5">
            <a:extLst>
              <a:ext uri="{FF2B5EF4-FFF2-40B4-BE49-F238E27FC236}">
                <a16:creationId xmlns:a16="http://schemas.microsoft.com/office/drawing/2014/main" id="{DA80C984-4F5B-9988-EC8E-5895C912ED2A}"/>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844417963"/>
      </p:ext>
    </p:extLst>
  </p:cSld>
  <p:clrMapOvr>
    <a:masterClrMapping/>
  </p:clrMapOvr>
  <p:extLst>
    <p:ext uri="{DCECCB84-F9BA-43D5-87BE-67443E8EF086}">
      <p15:sldGuideLst xmlns:p15="http://schemas.microsoft.com/office/powerpoint/2012/main">
        <p15:guide id="1" orient="horz" pos="486" userDrawn="1">
          <p15:clr>
            <a:srgbClr val="F26B43"/>
          </p15:clr>
        </p15:guide>
        <p15:guide id="2" orient="horz" pos="1074" userDrawn="1">
          <p15:clr>
            <a:srgbClr val="F26B43"/>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D. Content w/eyebrow">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a:extLst>
              <a:ext uri="{FF2B5EF4-FFF2-40B4-BE49-F238E27FC236}">
                <a16:creationId xmlns:a16="http://schemas.microsoft.com/office/drawing/2014/main" id="{A6F7E782-EEB2-33F5-CD9D-EC84094E1665}"/>
              </a:ext>
            </a:extLst>
          </p:cNvPr>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3" name="Content Placeholder 2"/>
          <p:cNvSpPr>
            <a:spLocks noGrp="1"/>
          </p:cNvSpPr>
          <p:nvPr>
            <p:ph idx="1" hasCustomPrompt="1"/>
          </p:nvPr>
        </p:nvSpPr>
        <p:spPr>
          <a:xfrm>
            <a:off x="3600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6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8" name="Content Placeholder 3">
            <a:extLst>
              <a:ext uri="{FF2B5EF4-FFF2-40B4-BE49-F238E27FC236}">
                <a16:creationId xmlns:a16="http://schemas.microsoft.com/office/drawing/2014/main" id="{DFBABCC5-94E5-5B1E-9A94-449E76472BB5}"/>
              </a:ext>
            </a:extLst>
          </p:cNvPr>
          <p:cNvSpPr>
            <a:spLocks noGrp="1"/>
          </p:cNvSpPr>
          <p:nvPr>
            <p:ph sz="half" idx="20" hasCustomPrompt="1"/>
          </p:nvPr>
        </p:nvSpPr>
        <p:spPr>
          <a:xfrm>
            <a:off x="61872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9" name="Content Placeholder 3">
            <a:extLst>
              <a:ext uri="{FF2B5EF4-FFF2-40B4-BE49-F238E27FC236}">
                <a16:creationId xmlns:a16="http://schemas.microsoft.com/office/drawing/2014/main" id="{B675280F-D86E-F890-AC2F-16E5DEA2266B}"/>
              </a:ext>
            </a:extLst>
          </p:cNvPr>
          <p:cNvSpPr>
            <a:spLocks noGrp="1"/>
          </p:cNvSpPr>
          <p:nvPr>
            <p:ph sz="half" idx="21" hasCustomPrompt="1"/>
          </p:nvPr>
        </p:nvSpPr>
        <p:spPr>
          <a:xfrm>
            <a:off x="91008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10" name="Date Placeholder 5">
            <a:extLst>
              <a:ext uri="{FF2B5EF4-FFF2-40B4-BE49-F238E27FC236}">
                <a16:creationId xmlns:a16="http://schemas.microsoft.com/office/drawing/2014/main" id="{8A3C6522-4F6A-67B8-A38C-659A2169DBA1}"/>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712045676"/>
      </p:ext>
    </p:extLst>
  </p:cSld>
  <p:clrMapOvr>
    <a:masterClrMapping/>
  </p:clrMapOvr>
  <p:extLst>
    <p:ext uri="{DCECCB84-F9BA-43D5-87BE-67443E8EF086}">
      <p15:sldGuideLst xmlns:p15="http://schemas.microsoft.com/office/powerpoint/2012/main">
        <p15:guide id="1" orient="horz" pos="1071" userDrawn="1">
          <p15:clr>
            <a:srgbClr val="F26B43"/>
          </p15:clr>
        </p15:guide>
        <p15:guide id="2" orient="horz" pos="336" userDrawn="1">
          <p15:clr>
            <a:srgbClr val="F26B43"/>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E. Content">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0ECCECB8-4D60-8302-C8AB-D211D01FF556}"/>
              </a:ext>
            </a:extLst>
          </p:cNvPr>
          <p:cNvSpPr>
            <a:spLocks noGrp="1" noRot="1" noMove="1" noResize="1" noEditPoints="1" noAdjustHandles="1" noChangeArrowheads="1" noChangeShapeType="1"/>
          </p:cNvSpPr>
          <p:nvPr userDrawn="1"/>
        </p:nvSpPr>
        <p:spPr bwMode="white">
          <a:xfrm>
            <a:off x="2736000" y="6063916"/>
            <a:ext cx="1868400" cy="7940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16" name="Picture 15" descr="A person running outside with trees in the background&#10;&#10;Description automatically generated">
            <a:extLst>
              <a:ext uri="{FF2B5EF4-FFF2-40B4-BE49-F238E27FC236}">
                <a16:creationId xmlns:a16="http://schemas.microsoft.com/office/drawing/2014/main" id="{E4E4CDCB-EB51-4C6A-47E5-BAD8F63220BC}"/>
              </a:ext>
            </a:extLst>
          </p:cNvPr>
          <p:cNvPicPr>
            <a:picLocks noGrp="1" noRot="1" noChangeAspect="1" noMove="1" noResize="1" noEditPoints="1" noAdjustHandles="1" noChangeArrowheads="1" noChangeShapeType="1" noCrop="1"/>
          </p:cNvPicPr>
          <p:nvPr userDrawn="1"/>
        </p:nvPicPr>
        <p:blipFill rotWithShape="1">
          <a:blip r:embed="rId2">
            <a:alphaModFix/>
            <a:extLst>
              <a:ext uri="{28A0092B-C50C-407E-A947-70E740481C1C}">
                <a14:useLocalDpi xmlns:a14="http://schemas.microsoft.com/office/drawing/2010/main" val="0"/>
              </a:ext>
            </a:extLst>
          </a:blip>
          <a:srcRect l="1513" t="2124" r="37351" b="16994"/>
          <a:stretch/>
        </p:blipFill>
        <p:spPr>
          <a:xfrm>
            <a:off x="4394200" y="0"/>
            <a:ext cx="7798562" cy="6857873"/>
          </a:xfrm>
          <a:custGeom>
            <a:avLst/>
            <a:gdLst>
              <a:gd name="connsiteX0" fmla="*/ 4145915 w 7798562"/>
              <a:gd name="connsiteY0" fmla="*/ 0 h 6857873"/>
              <a:gd name="connsiteX1" fmla="*/ 7798562 w 7798562"/>
              <a:gd name="connsiteY1" fmla="*/ 0 h 6857873"/>
              <a:gd name="connsiteX2" fmla="*/ 7798562 w 7798562"/>
              <a:gd name="connsiteY2" fmla="*/ 6857873 h 6857873"/>
              <a:gd name="connsiteX3" fmla="*/ 21209 w 7798562"/>
              <a:gd name="connsiteY3" fmla="*/ 6857873 h 6857873"/>
              <a:gd name="connsiteX4" fmla="*/ 0 w 7798562"/>
              <a:gd name="connsiteY4" fmla="*/ 6672072 h 6857873"/>
              <a:gd name="connsiteX5" fmla="*/ 0 w 7798562"/>
              <a:gd name="connsiteY5" fmla="*/ 4185158 h 6857873"/>
              <a:gd name="connsiteX6" fmla="*/ 828929 w 7798562"/>
              <a:gd name="connsiteY6" fmla="*/ 3356229 h 6857873"/>
              <a:gd name="connsiteX7" fmla="*/ 3523234 w 7798562"/>
              <a:gd name="connsiteY7" fmla="*/ 3356229 h 6857873"/>
              <a:gd name="connsiteX8" fmla="*/ 4144899 w 7798562"/>
              <a:gd name="connsiteY8" fmla="*/ 2734564 h 6857873"/>
              <a:gd name="connsiteX9" fmla="*/ 4144899 w 7798562"/>
              <a:gd name="connsiteY9" fmla="*/ 40386 h 6857873"/>
              <a:gd name="connsiteX10" fmla="*/ 4145915 w 7798562"/>
              <a:gd name="connsiteY10" fmla="*/ 0 h 68578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798562" h="6857873">
                <a:moveTo>
                  <a:pt x="4145915" y="0"/>
                </a:moveTo>
                <a:lnTo>
                  <a:pt x="7798562" y="0"/>
                </a:lnTo>
                <a:lnTo>
                  <a:pt x="7798562" y="6857873"/>
                </a:lnTo>
                <a:lnTo>
                  <a:pt x="21209" y="6857873"/>
                </a:lnTo>
                <a:cubicBezTo>
                  <a:pt x="7493" y="6798183"/>
                  <a:pt x="0" y="6735953"/>
                  <a:pt x="0" y="6672072"/>
                </a:cubicBezTo>
                <a:lnTo>
                  <a:pt x="0" y="4185158"/>
                </a:lnTo>
                <a:cubicBezTo>
                  <a:pt x="0" y="3727323"/>
                  <a:pt x="371094" y="3356229"/>
                  <a:pt x="828929" y="3356229"/>
                </a:cubicBezTo>
                <a:lnTo>
                  <a:pt x="3523234" y="3356229"/>
                </a:lnTo>
                <a:cubicBezTo>
                  <a:pt x="3866515" y="3356229"/>
                  <a:pt x="4144899" y="3077972"/>
                  <a:pt x="4144899" y="2734564"/>
                </a:cubicBezTo>
                <a:lnTo>
                  <a:pt x="4144899" y="40386"/>
                </a:lnTo>
                <a:cubicBezTo>
                  <a:pt x="4144899" y="26797"/>
                  <a:pt x="4145280" y="13335"/>
                  <a:pt x="4145915" y="0"/>
                </a:cubicBezTo>
                <a:close/>
              </a:path>
            </a:pathLst>
          </a:custGeom>
        </p:spPr>
      </p:pic>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a:extLst>
              <a:ext uri="{FF2B5EF4-FFF2-40B4-BE49-F238E27FC236}">
                <a16:creationId xmlns:a16="http://schemas.microsoft.com/office/drawing/2014/main" id="{6624D307-17AE-B860-B6BF-FBF2952BA7BA}"/>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60000" y="1706400"/>
            <a:ext cx="37040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4" name="Text Placeholder notes">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749200"/>
            <a:ext cx="37040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11" name="Legal dynamic" descr="{&quot;templafy&quot;:{&quot;id&quot;:&quot;07471f26-c2f9-409c-8008-c0b8e85e7bd4&quot;}}" title="Form.Cigna_Confidentiality.EvernorthConfidentiality">
            <a:extLst>
              <a:ext uri="{FF2B5EF4-FFF2-40B4-BE49-F238E27FC236}">
                <a16:creationId xmlns:a16="http://schemas.microsoft.com/office/drawing/2014/main" id="{E9B1624F-A9FC-D14B-2D3A-07D3D3D27547}"/>
              </a:ext>
            </a:extLst>
          </p:cNvPr>
          <p:cNvSpPr/>
          <p:nvPr userDrawn="1"/>
        </p:nvSpPr>
        <p:spPr bwMode="white">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bg1"/>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8" name="Internal Stamp dynamic" descr="{&quot;templafy&quot;:{&quot;id&quot;:&quot;7f2d5682-dfad-4f26-9812-b852f10cbf28&quot;}}" title="Form.Cigna_Confidentiality.Cigna_confidentiality">
            <a:extLst>
              <a:ext uri="{FF2B5EF4-FFF2-40B4-BE49-F238E27FC236}">
                <a16:creationId xmlns:a16="http://schemas.microsoft.com/office/drawing/2014/main" id="{35F424C0-6D5A-E30A-9A89-A857AF37A9A3}"/>
              </a:ext>
            </a:extLst>
          </p:cNvPr>
          <p:cNvSpPr/>
          <p:nvPr userDrawn="1"/>
        </p:nvSpPr>
        <p:spPr>
          <a:xfrm>
            <a:off x="2844000" y="6216565"/>
            <a:ext cx="140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accent3"/>
              </a:solidFill>
              <a:effectLst/>
              <a:latin typeface="Arial Narrow" panose="020B0604020202020204" pitchFamily="34" charset="0"/>
              <a:ea typeface="+mn-ea"/>
              <a:cs typeface="+mn-cs"/>
            </a:endParaRPr>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2" name="Date Placeholder 5">
            <a:extLst>
              <a:ext uri="{FF2B5EF4-FFF2-40B4-BE49-F238E27FC236}">
                <a16:creationId xmlns:a16="http://schemas.microsoft.com/office/drawing/2014/main" id="{EA0CABE2-A2F0-F1C1-C34A-95396013C8A7}"/>
              </a:ext>
            </a:extLst>
          </p:cNvPr>
          <p:cNvSpPr>
            <a:spLocks noGrp="1"/>
          </p:cNvSpPr>
          <p:nvPr>
            <p:ph type="dt" sz="half" idx="13"/>
          </p:nvPr>
        </p:nvSpPr>
        <p:spPr>
          <a:xfrm>
            <a:off x="10630800" y="6364800"/>
            <a:ext cx="691200" cy="180000"/>
          </a:xfrm>
        </p:spPr>
        <p:txBody>
          <a:bodyPr/>
          <a:lstStyle>
            <a:lvl1pPr>
              <a:defRPr>
                <a:solidFill>
                  <a:schemeClr val="bg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155707303"/>
      </p:ext>
    </p:extLst>
  </p:cSld>
  <p:clrMapOvr>
    <a:masterClrMapping/>
  </p:clrMapOvr>
  <p:extLst>
    <p:ext uri="{DCECCB84-F9BA-43D5-87BE-67443E8EF086}">
      <p15:sldGuideLst xmlns:p15="http://schemas.microsoft.com/office/powerpoint/2012/main">
        <p15:guide id="1" orient="horz" pos="1074">
          <p15:clr>
            <a:srgbClr val="F26B43"/>
          </p15:clr>
        </p15:guide>
        <p15:guide id="2" orient="horz" pos="486">
          <p15:clr>
            <a:srgbClr val="F26B43"/>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A. Content and Image">
    <p:spTree>
      <p:nvGrpSpPr>
        <p:cNvPr id="1" name=""/>
        <p:cNvGrpSpPr/>
        <p:nvPr/>
      </p:nvGrpSpPr>
      <p:grpSpPr>
        <a:xfrm>
          <a:off x="0" y="0"/>
          <a:ext cx="0" cy="0"/>
          <a:chOff x="0" y="0"/>
          <a:chExt cx="0" cy="0"/>
        </a:xfrm>
      </p:grpSpPr>
      <p:sp>
        <p:nvSpPr>
          <p:cNvPr id="7" name="Picture Placeholder 17">
            <a:extLst>
              <a:ext uri="{FF2B5EF4-FFF2-40B4-BE49-F238E27FC236}">
                <a16:creationId xmlns:a16="http://schemas.microsoft.com/office/drawing/2014/main" id="{BE3027AD-94E9-A768-4C15-96C5746FB951}"/>
              </a:ext>
            </a:extLst>
          </p:cNvPr>
          <p:cNvSpPr>
            <a:spLocks noGrp="1"/>
          </p:cNvSpPr>
          <p:nvPr>
            <p:ph type="pic" sz="quarter" idx="20"/>
          </p:nvPr>
        </p:nvSpPr>
        <p:spPr>
          <a:xfrm>
            <a:off x="8128000" y="1772816"/>
            <a:ext cx="3706811" cy="4264384"/>
          </a:xfrm>
          <a:prstGeom prst="roundRect">
            <a:avLst>
              <a:gd name="adj" fmla="val 9634"/>
            </a:avLst>
          </a:pr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a:t>Click icon to add picture</a:t>
            </a:r>
          </a:p>
        </p:txBody>
      </p:sp>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a:extLst>
              <a:ext uri="{FF2B5EF4-FFF2-40B4-BE49-F238E27FC236}">
                <a16:creationId xmlns:a16="http://schemas.microsoft.com/office/drawing/2014/main" id="{6624D307-17AE-B860-B6BF-FBF2952BA7BA}"/>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4" name="Text Placeholder notes">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2" name="Date Placeholder 5">
            <a:extLst>
              <a:ext uri="{FF2B5EF4-FFF2-40B4-BE49-F238E27FC236}">
                <a16:creationId xmlns:a16="http://schemas.microsoft.com/office/drawing/2014/main" id="{33672438-1C88-3496-4AD8-2C3A351FCB31}"/>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953505350"/>
      </p:ext>
    </p:extLst>
  </p:cSld>
  <p:clrMapOvr>
    <a:masterClrMapping/>
  </p:clrMapOvr>
  <p:extLst>
    <p:ext uri="{DCECCB84-F9BA-43D5-87BE-67443E8EF086}">
      <p15:sldGuideLst xmlns:p15="http://schemas.microsoft.com/office/powerpoint/2012/main">
        <p15:guide id="1" orient="horz" pos="1074">
          <p15:clr>
            <a:srgbClr val="F26B43"/>
          </p15:clr>
        </p15:guide>
        <p15:guide id="2" orient="horz" pos="486">
          <p15:clr>
            <a:srgbClr val="F26B43"/>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A. 3 Content and Images">
    <p:spTree>
      <p:nvGrpSpPr>
        <p:cNvPr id="1" name=""/>
        <p:cNvGrpSpPr/>
        <p:nvPr/>
      </p:nvGrpSpPr>
      <p:grpSpPr>
        <a:xfrm>
          <a:off x="0" y="0"/>
          <a:ext cx="0" cy="0"/>
          <a:chOff x="0" y="0"/>
          <a:chExt cx="0" cy="0"/>
        </a:xfrm>
      </p:grpSpPr>
      <p:sp>
        <p:nvSpPr>
          <p:cNvPr id="10" name="Picture Placeholder 7">
            <a:extLst>
              <a:ext uri="{FF2B5EF4-FFF2-40B4-BE49-F238E27FC236}">
                <a16:creationId xmlns:a16="http://schemas.microsoft.com/office/drawing/2014/main" id="{6CFF692D-A41B-5DAE-DC12-1E2A739A2195}"/>
              </a:ext>
            </a:extLst>
          </p:cNvPr>
          <p:cNvSpPr>
            <a:spLocks noGrp="1"/>
          </p:cNvSpPr>
          <p:nvPr>
            <p:ph type="pic" sz="quarter" idx="11"/>
          </p:nvPr>
        </p:nvSpPr>
        <p:spPr>
          <a:xfrm>
            <a:off x="358774"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a:t>Click icon to add picture</a:t>
            </a:r>
          </a:p>
        </p:txBody>
      </p:sp>
      <p:sp>
        <p:nvSpPr>
          <p:cNvPr id="13" name="Picture Placeholder 7">
            <a:extLst>
              <a:ext uri="{FF2B5EF4-FFF2-40B4-BE49-F238E27FC236}">
                <a16:creationId xmlns:a16="http://schemas.microsoft.com/office/drawing/2014/main" id="{8CD27472-1C1C-7DB5-8520-A778835F23D9}"/>
              </a:ext>
            </a:extLst>
          </p:cNvPr>
          <p:cNvSpPr>
            <a:spLocks noGrp="1"/>
          </p:cNvSpPr>
          <p:nvPr>
            <p:ph type="pic" sz="quarter" idx="21"/>
          </p:nvPr>
        </p:nvSpPr>
        <p:spPr>
          <a:xfrm>
            <a:off x="4243387"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a:t>Click icon to add picture</a:t>
            </a:r>
          </a:p>
        </p:txBody>
      </p:sp>
      <p:sp>
        <p:nvSpPr>
          <p:cNvPr id="14" name="Picture Placeholder 7">
            <a:extLst>
              <a:ext uri="{FF2B5EF4-FFF2-40B4-BE49-F238E27FC236}">
                <a16:creationId xmlns:a16="http://schemas.microsoft.com/office/drawing/2014/main" id="{85753AAB-BEA0-A5BA-56EA-816BE2951FEA}"/>
              </a:ext>
            </a:extLst>
          </p:cNvPr>
          <p:cNvSpPr>
            <a:spLocks noGrp="1"/>
          </p:cNvSpPr>
          <p:nvPr>
            <p:ph type="pic" sz="quarter" idx="22"/>
          </p:nvPr>
        </p:nvSpPr>
        <p:spPr>
          <a:xfrm>
            <a:off x="8128000"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a:t>Click icon to add picture</a:t>
            </a:r>
          </a:p>
        </p:txBody>
      </p:sp>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540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59999"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5" name="Text Placeholder sub 2">
            <a:extLst>
              <a:ext uri="{FF2B5EF4-FFF2-40B4-BE49-F238E27FC236}">
                <a16:creationId xmlns:a16="http://schemas.microsoft.com/office/drawing/2014/main" id="{86CA2E7B-9B5A-23C0-3C0B-4E9778ED1A5A}"/>
              </a:ext>
            </a:extLst>
          </p:cNvPr>
          <p:cNvSpPr>
            <a:spLocks noGrp="1"/>
          </p:cNvSpPr>
          <p:nvPr>
            <p:ph type="body" sz="quarter" idx="23" hasCustomPrompt="1"/>
          </p:nvPr>
        </p:nvSpPr>
        <p:spPr>
          <a:xfrm>
            <a:off x="359998"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387"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6" name="Text Placeholder sub 3">
            <a:extLst>
              <a:ext uri="{FF2B5EF4-FFF2-40B4-BE49-F238E27FC236}">
                <a16:creationId xmlns:a16="http://schemas.microsoft.com/office/drawing/2014/main" id="{B8571102-3BDF-DF66-5A11-3465B3F62A1D}"/>
              </a:ext>
            </a:extLst>
          </p:cNvPr>
          <p:cNvSpPr>
            <a:spLocks noGrp="1"/>
          </p:cNvSpPr>
          <p:nvPr>
            <p:ph type="body" sz="quarter" idx="24" hasCustomPrompt="1"/>
          </p:nvPr>
        </p:nvSpPr>
        <p:spPr>
          <a:xfrm>
            <a:off x="4243387"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a:p>
        </p:txBody>
      </p:sp>
      <p:sp>
        <p:nvSpPr>
          <p:cNvPr id="8" name="Content Placeholder 4">
            <a:extLst>
              <a:ext uri="{FF2B5EF4-FFF2-40B4-BE49-F238E27FC236}">
                <a16:creationId xmlns:a16="http://schemas.microsoft.com/office/drawing/2014/main" id="{AB022DFF-8F16-4A61-9B0B-DD1E6316615B}"/>
              </a:ext>
            </a:extLst>
          </p:cNvPr>
          <p:cNvSpPr>
            <a:spLocks noGrp="1"/>
          </p:cNvSpPr>
          <p:nvPr>
            <p:ph sz="half" idx="20" hasCustomPrompt="1"/>
          </p:nvPr>
        </p:nvSpPr>
        <p:spPr>
          <a:xfrm>
            <a:off x="8128000"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7" name="Text Placeholder sub 4">
            <a:extLst>
              <a:ext uri="{FF2B5EF4-FFF2-40B4-BE49-F238E27FC236}">
                <a16:creationId xmlns:a16="http://schemas.microsoft.com/office/drawing/2014/main" id="{C98340A6-A646-DE65-D0FA-EEA832AD3494}"/>
              </a:ext>
            </a:extLst>
          </p:cNvPr>
          <p:cNvSpPr>
            <a:spLocks noGrp="1"/>
          </p:cNvSpPr>
          <p:nvPr>
            <p:ph type="body" sz="quarter" idx="25" hasCustomPrompt="1"/>
          </p:nvPr>
        </p:nvSpPr>
        <p:spPr>
          <a:xfrm>
            <a:off x="8128000"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12" name="Slide Number Placeholder 11">
            <a:extLst>
              <a:ext uri="{FF2B5EF4-FFF2-40B4-BE49-F238E27FC236}">
                <a16:creationId xmlns:a16="http://schemas.microsoft.com/office/drawing/2014/main" id="{6866097F-7924-12BA-6CC4-9AFB2C875B44}"/>
              </a:ext>
            </a:extLst>
          </p:cNvPr>
          <p:cNvSpPr>
            <a:spLocks noGrp="1"/>
          </p:cNvSpPr>
          <p:nvPr>
            <p:ph type="sldNum" sz="quarter" idx="27"/>
          </p:nvPr>
        </p:nvSpPr>
        <p:spPr/>
        <p:txBody>
          <a:bodyPr/>
          <a:lstStyle/>
          <a:p>
            <a:fld id="{23AA811B-2EBD-4900-905E-5BE206449611}" type="slidenum">
              <a:rPr lang="en-US" smtClean="0"/>
              <a:pPr/>
              <a:t>‹#›</a:t>
            </a:fld>
            <a:endParaRPr lang="en-US" dirty="0"/>
          </a:p>
        </p:txBody>
      </p:sp>
      <p:sp>
        <p:nvSpPr>
          <p:cNvPr id="4" name="Date Placeholder 5">
            <a:extLst>
              <a:ext uri="{FF2B5EF4-FFF2-40B4-BE49-F238E27FC236}">
                <a16:creationId xmlns:a16="http://schemas.microsoft.com/office/drawing/2014/main" id="{271DA5B9-84E5-60DD-07EA-463953A67413}"/>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526517944"/>
      </p:ext>
    </p:extLst>
  </p:cSld>
  <p:clrMapOvr>
    <a:masterClrMapping/>
  </p:clrMapOvr>
  <p:extLst>
    <p:ext uri="{DCECCB84-F9BA-43D5-87BE-67443E8EF086}">
      <p15:sldGuideLst xmlns:p15="http://schemas.microsoft.com/office/powerpoint/2012/main">
        <p15:guide id="1" orient="horz" pos="486">
          <p15:clr>
            <a:srgbClr val="F26B43"/>
          </p15:clr>
        </p15:guide>
        <p15:guide id="2" orient="horz" pos="940" userDrawn="1">
          <p15:clr>
            <a:srgbClr val="A4A3A4"/>
          </p15:clr>
        </p15:guide>
        <p15:guide id="3" orient="horz" pos="2331" userDrawn="1">
          <p15:clr>
            <a:srgbClr val="A4A3A4"/>
          </p15:clr>
        </p15:guide>
        <p15:guide id="4" orient="horz" pos="2518" userDrawn="1">
          <p15:clr>
            <a:srgbClr val="F26B43"/>
          </p15:clr>
        </p15:guide>
        <p15:guide id="5" orient="horz" pos="2772" userDrawn="1">
          <p15:clr>
            <a:srgbClr val="F26B43"/>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A. 4 col_content and ic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59999" y="2509594"/>
            <a:ext cx="2732451"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dirty="0"/>
          </a:p>
        </p:txBody>
      </p:sp>
      <p:sp>
        <p:nvSpPr>
          <p:cNvPr id="13" name="Content Placeholder 12">
            <a:extLst>
              <a:ext uri="{FF2B5EF4-FFF2-40B4-BE49-F238E27FC236}">
                <a16:creationId xmlns:a16="http://schemas.microsoft.com/office/drawing/2014/main" id="{F3234D57-AF53-E0DB-C937-D18B2FD0C742}"/>
              </a:ext>
            </a:extLst>
          </p:cNvPr>
          <p:cNvSpPr>
            <a:spLocks noGrp="1"/>
          </p:cNvSpPr>
          <p:nvPr>
            <p:ph sz="quarter" idx="22" hasCustomPrompt="1"/>
          </p:nvPr>
        </p:nvSpPr>
        <p:spPr>
          <a:xfrm>
            <a:off x="360000"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a:p>
        </p:txBody>
      </p:sp>
      <p:sp>
        <p:nvSpPr>
          <p:cNvPr id="14" name="Content Placeholder 12">
            <a:extLst>
              <a:ext uri="{FF2B5EF4-FFF2-40B4-BE49-F238E27FC236}">
                <a16:creationId xmlns:a16="http://schemas.microsoft.com/office/drawing/2014/main" id="{B95D790D-95CB-A96F-5C58-23F1105FE4B8}"/>
              </a:ext>
            </a:extLst>
          </p:cNvPr>
          <p:cNvSpPr>
            <a:spLocks noGrp="1"/>
          </p:cNvSpPr>
          <p:nvPr>
            <p:ph sz="quarter" idx="23" hasCustomPrompt="1"/>
          </p:nvPr>
        </p:nvSpPr>
        <p:spPr>
          <a:xfrm>
            <a:off x="3273576"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a:p>
        </p:txBody>
      </p:sp>
      <p:sp>
        <p:nvSpPr>
          <p:cNvPr id="15" name="Content Placeholder 12">
            <a:extLst>
              <a:ext uri="{FF2B5EF4-FFF2-40B4-BE49-F238E27FC236}">
                <a16:creationId xmlns:a16="http://schemas.microsoft.com/office/drawing/2014/main" id="{CA4F82EB-2F71-355A-EA48-B2286BC5B6BA}"/>
              </a:ext>
            </a:extLst>
          </p:cNvPr>
          <p:cNvSpPr>
            <a:spLocks noGrp="1"/>
          </p:cNvSpPr>
          <p:nvPr>
            <p:ph sz="quarter" idx="24" hasCustomPrompt="1"/>
          </p:nvPr>
        </p:nvSpPr>
        <p:spPr>
          <a:xfrm>
            <a:off x="6187102"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a:p>
        </p:txBody>
      </p:sp>
      <p:sp>
        <p:nvSpPr>
          <p:cNvPr id="16" name="Content Placeholder 12">
            <a:extLst>
              <a:ext uri="{FF2B5EF4-FFF2-40B4-BE49-F238E27FC236}">
                <a16:creationId xmlns:a16="http://schemas.microsoft.com/office/drawing/2014/main" id="{A894763A-0742-A455-9D20-0C9F741B396B}"/>
              </a:ext>
            </a:extLst>
          </p:cNvPr>
          <p:cNvSpPr>
            <a:spLocks noGrp="1"/>
          </p:cNvSpPr>
          <p:nvPr>
            <p:ph sz="quarter" idx="25" hasCustomPrompt="1"/>
          </p:nvPr>
        </p:nvSpPr>
        <p:spPr>
          <a:xfrm>
            <a:off x="9100629"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8E6734D4-4531-4A10-CCF3-192F908E1E63}"/>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4015013346"/>
      </p:ext>
    </p:extLst>
  </p:cSld>
  <p:clrMapOvr>
    <a:masterClrMapping/>
  </p:clrMapOvr>
  <p:extLst>
    <p:ext uri="{DCECCB84-F9BA-43D5-87BE-67443E8EF086}">
      <p15:sldGuideLst xmlns:p15="http://schemas.microsoft.com/office/powerpoint/2012/main">
        <p15:guide id="1" orient="horz" pos="486">
          <p15:clr>
            <a:srgbClr val="F26B43"/>
          </p15:clr>
        </p15:guide>
        <p15:guide id="2" orient="horz" pos="1579"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 Cover">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9" name="Group 8">
            <a:extLst>
              <a:ext uri="{FF2B5EF4-FFF2-40B4-BE49-F238E27FC236}">
                <a16:creationId xmlns:a16="http://schemas.microsoft.com/office/drawing/2014/main" id="{2739D3B2-2DC3-6A13-D2CB-AB1EC0712180}"/>
              </a:ext>
            </a:extLst>
          </p:cNvPr>
          <p:cNvGrpSpPr>
            <a:grpSpLocks noGrp="1" noUngrp="1" noRot="1" noMove="1" noResize="1"/>
          </p:cNvGrpSpPr>
          <p:nvPr userDrawn="1"/>
        </p:nvGrpSpPr>
        <p:grpSpPr>
          <a:xfrm>
            <a:off x="7656945" y="3014"/>
            <a:ext cx="4540580" cy="6858000"/>
            <a:chOff x="7656945" y="3014"/>
            <a:chExt cx="4540580" cy="6858000"/>
          </a:xfrm>
          <a:gradFill>
            <a:gsLst>
              <a:gs pos="15000">
                <a:schemeClr val="accent1"/>
              </a:gs>
              <a:gs pos="87000">
                <a:schemeClr val="accent3"/>
              </a:gs>
              <a:gs pos="43000">
                <a:srgbClr val="1FC7A2"/>
              </a:gs>
              <a:gs pos="70000">
                <a:schemeClr val="accent2"/>
              </a:gs>
            </a:gsLst>
            <a:lin ang="15600000" scaled="0"/>
          </a:gradFill>
        </p:grpSpPr>
        <p:sp>
          <p:nvSpPr>
            <p:cNvPr id="12" name="Freeform 4">
              <a:extLst>
                <a:ext uri="{FF2B5EF4-FFF2-40B4-BE49-F238E27FC236}">
                  <a16:creationId xmlns:a16="http://schemas.microsoft.com/office/drawing/2014/main" id="{B11DB509-DA27-D531-01C3-04AF2BAFE87F}"/>
                </a:ext>
              </a:extLst>
            </p:cNvPr>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4" name="Freeform 7">
              <a:extLst>
                <a:ext uri="{FF2B5EF4-FFF2-40B4-BE49-F238E27FC236}">
                  <a16:creationId xmlns:a16="http://schemas.microsoft.com/office/drawing/2014/main" id="{DAE82D91-0672-12AA-37CB-18D734F8913D}"/>
                </a:ext>
              </a:extLst>
            </p:cNvPr>
            <p:cNvSpPr>
              <a:spLocks noGrp="1" noRot="1" noMove="1" noResize="1" noEditPoints="1" noAdjustHandles="1" noChangeArrowheads="1" noChangeShapeType="1"/>
            </p:cNvSpPr>
            <p:nvPr userDrawn="1"/>
          </p:nvSpPr>
          <p:spPr>
            <a:xfrm>
              <a:off x="10506313"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1454400"/>
            <a:ext cx="5647100"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a:xfrm>
            <a:off x="360000" y="3654000"/>
            <a:ext cx="5647100" cy="2094338"/>
          </a:xfrm>
        </p:spPr>
        <p:txBody>
          <a:bodyPr/>
          <a:lstStyle>
            <a:lvl1pPr marL="0" indent="0">
              <a:lnSpc>
                <a:spcPct val="105000"/>
              </a:lnSpc>
              <a:buNone/>
              <a:defRPr sz="2200">
                <a:solidFill>
                  <a:srgbClr val="002F3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9" name="Legal dynamic" descr="{&quot;templafy&quot;:{&quot;id&quot;:&quot;b0527e23-a7c3-4287-ab3b-9e15bfdc6d88&quot;}}" title="Form.Cigna_Confidentiality.EvernorthConfidentiality">
            <a:extLst>
              <a:ext uri="{FF2B5EF4-FFF2-40B4-BE49-F238E27FC236}">
                <a16:creationId xmlns:a16="http://schemas.microsoft.com/office/drawing/2014/main" id="{6EA07B4F-970C-9789-F3C9-DFCC5454B43E}"/>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20" name="Internal Stamp dynamic" descr="{&quot;templafy&quot;:{&quot;id&quot;:&quot;60db5b6a-8000-4354-9be9-addacd2ec712&quot;}}" title="Form.Cigna_Confidentiality.Cigna_confidentiality">
            <a:extLst>
              <a:ext uri="{FF2B5EF4-FFF2-40B4-BE49-F238E27FC236}">
                <a16:creationId xmlns:a16="http://schemas.microsoft.com/office/drawing/2014/main" id="{B7FA2C75-DA5A-041B-0FDA-4D604AE55EC5}"/>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962419306" name="Dynamic logo dark mint" descr="{&quot;templafy&quot;:{&quot;id&quot;:&quot;cf96ea76-2bf3-44df-a7ab-cfe4dbdf6730&quot;}}"/>
          <p:cNvPicPr>
            <a:picLocks noChangeAspect="1"/>
          </p:cNvPicPr>
          <p:nvPr/>
        </p:nvPicPr>
        <p:blipFill>
          <a:blip r:embed="rId2"/>
          <a:stretch>
            <a:fillRect/>
          </a:stretch>
        </p:blipFill>
        <p:spPr>
          <a:xfrm>
            <a:off x="346677" y="5882400"/>
            <a:ext cx="2145600" cy="756000"/>
          </a:xfrm>
          <a:prstGeom prst="rect">
            <a:avLst/>
          </a:prstGeom>
        </p:spPr>
      </p:pic>
      <p:sp>
        <p:nvSpPr>
          <p:cNvPr id="18" name="Slide Number Placeholder 17">
            <a:extLst>
              <a:ext uri="{FF2B5EF4-FFF2-40B4-BE49-F238E27FC236}">
                <a16:creationId xmlns:a16="http://schemas.microsoft.com/office/drawing/2014/main" id="{B88AA168-1740-92EC-94D1-1EF09F5C2976}"/>
              </a:ext>
            </a:extLst>
          </p:cNvPr>
          <p:cNvSpPr>
            <a:spLocks noGrp="1"/>
          </p:cNvSpPr>
          <p:nvPr>
            <p:ph type="sldNum" sz="quarter" idx="15"/>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2C927D0F-9905-5F40-9C0F-A972289D79AF}"/>
              </a:ext>
            </a:extLst>
          </p:cNvPr>
          <p:cNvSpPr>
            <a:spLocks noGrp="1"/>
          </p:cNvSpPr>
          <p:nvPr>
            <p:ph type="dt" sz="half" idx="16"/>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74632458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302" userDrawn="1">
          <p15:clr>
            <a:srgbClr val="F26B43"/>
          </p15:clr>
        </p15:guide>
        <p15:guide id="2" orient="horz" pos="2063" userDrawn="1">
          <p15:clr>
            <a:srgbClr val="F26B43"/>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B. 4 col_content and ic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17" name="Text Placeholder 16">
            <a:extLst>
              <a:ext uri="{FF2B5EF4-FFF2-40B4-BE49-F238E27FC236}">
                <a16:creationId xmlns:a16="http://schemas.microsoft.com/office/drawing/2014/main" id="{3F4B2A4F-AE05-BB2D-2F94-020FF0E32648}"/>
              </a:ext>
            </a:extLst>
          </p:cNvPr>
          <p:cNvSpPr>
            <a:spLocks noGrp="1"/>
          </p:cNvSpPr>
          <p:nvPr>
            <p:ph type="body" sz="quarter" idx="26" hasCustomPrompt="1"/>
          </p:nvPr>
        </p:nvSpPr>
        <p:spPr>
          <a:xfrm>
            <a:off x="358775"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3" name="Content Placeholder 2"/>
          <p:cNvSpPr>
            <a:spLocks noGrp="1"/>
          </p:cNvSpPr>
          <p:nvPr>
            <p:ph idx="1" hasCustomPrompt="1"/>
          </p:nvPr>
        </p:nvSpPr>
        <p:spPr>
          <a:xfrm>
            <a:off x="35999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8" name="Text Placeholder 16">
            <a:extLst>
              <a:ext uri="{FF2B5EF4-FFF2-40B4-BE49-F238E27FC236}">
                <a16:creationId xmlns:a16="http://schemas.microsoft.com/office/drawing/2014/main" id="{603EA300-63BA-5800-5BBF-278E313431B8}"/>
              </a:ext>
            </a:extLst>
          </p:cNvPr>
          <p:cNvSpPr>
            <a:spLocks noGrp="1"/>
          </p:cNvSpPr>
          <p:nvPr>
            <p:ph type="body" sz="quarter" idx="27" hasCustomPrompt="1"/>
          </p:nvPr>
        </p:nvSpPr>
        <p:spPr>
          <a:xfrm>
            <a:off x="3273576"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6">
            <a:extLst>
              <a:ext uri="{FF2B5EF4-FFF2-40B4-BE49-F238E27FC236}">
                <a16:creationId xmlns:a16="http://schemas.microsoft.com/office/drawing/2014/main" id="{E72393E9-306A-9C81-F8BD-59FAE7359ED1}"/>
              </a:ext>
            </a:extLst>
          </p:cNvPr>
          <p:cNvSpPr>
            <a:spLocks noGrp="1"/>
          </p:cNvSpPr>
          <p:nvPr>
            <p:ph type="body" sz="quarter" idx="28" hasCustomPrompt="1"/>
          </p:nvPr>
        </p:nvSpPr>
        <p:spPr>
          <a:xfrm>
            <a:off x="6187102"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20" name="Text Placeholder 16">
            <a:extLst>
              <a:ext uri="{FF2B5EF4-FFF2-40B4-BE49-F238E27FC236}">
                <a16:creationId xmlns:a16="http://schemas.microsoft.com/office/drawing/2014/main" id="{D6CEF1E1-F623-58C2-6C50-CBD9A2B313C8}"/>
              </a:ext>
            </a:extLst>
          </p:cNvPr>
          <p:cNvSpPr>
            <a:spLocks noGrp="1"/>
          </p:cNvSpPr>
          <p:nvPr>
            <p:ph type="body" sz="quarter" idx="29" hasCustomPrompt="1"/>
          </p:nvPr>
        </p:nvSpPr>
        <p:spPr>
          <a:xfrm>
            <a:off x="9100629"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3" name="Content Placeholder 12">
            <a:extLst>
              <a:ext uri="{FF2B5EF4-FFF2-40B4-BE49-F238E27FC236}">
                <a16:creationId xmlns:a16="http://schemas.microsoft.com/office/drawing/2014/main" id="{F3234D57-AF53-E0DB-C937-D18B2FD0C742}"/>
              </a:ext>
            </a:extLst>
          </p:cNvPr>
          <p:cNvSpPr>
            <a:spLocks noGrp="1"/>
          </p:cNvSpPr>
          <p:nvPr>
            <p:ph sz="quarter" idx="22" hasCustomPrompt="1"/>
          </p:nvPr>
        </p:nvSpPr>
        <p:spPr>
          <a:xfrm>
            <a:off x="360000"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a:p>
        </p:txBody>
      </p:sp>
      <p:sp>
        <p:nvSpPr>
          <p:cNvPr id="14" name="Content Placeholder 12">
            <a:extLst>
              <a:ext uri="{FF2B5EF4-FFF2-40B4-BE49-F238E27FC236}">
                <a16:creationId xmlns:a16="http://schemas.microsoft.com/office/drawing/2014/main" id="{B95D790D-95CB-A96F-5C58-23F1105FE4B8}"/>
              </a:ext>
            </a:extLst>
          </p:cNvPr>
          <p:cNvSpPr>
            <a:spLocks noGrp="1"/>
          </p:cNvSpPr>
          <p:nvPr>
            <p:ph sz="quarter" idx="23" hasCustomPrompt="1"/>
          </p:nvPr>
        </p:nvSpPr>
        <p:spPr>
          <a:xfrm>
            <a:off x="3273576"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a:p>
        </p:txBody>
      </p:sp>
      <p:sp>
        <p:nvSpPr>
          <p:cNvPr id="15" name="Content Placeholder 12">
            <a:extLst>
              <a:ext uri="{FF2B5EF4-FFF2-40B4-BE49-F238E27FC236}">
                <a16:creationId xmlns:a16="http://schemas.microsoft.com/office/drawing/2014/main" id="{CA4F82EB-2F71-355A-EA48-B2286BC5B6BA}"/>
              </a:ext>
            </a:extLst>
          </p:cNvPr>
          <p:cNvSpPr>
            <a:spLocks noGrp="1"/>
          </p:cNvSpPr>
          <p:nvPr>
            <p:ph sz="quarter" idx="24" hasCustomPrompt="1"/>
          </p:nvPr>
        </p:nvSpPr>
        <p:spPr>
          <a:xfrm>
            <a:off x="6187102"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a:p>
        </p:txBody>
      </p:sp>
      <p:sp>
        <p:nvSpPr>
          <p:cNvPr id="16" name="Content Placeholder 12">
            <a:extLst>
              <a:ext uri="{FF2B5EF4-FFF2-40B4-BE49-F238E27FC236}">
                <a16:creationId xmlns:a16="http://schemas.microsoft.com/office/drawing/2014/main" id="{A894763A-0742-A455-9D20-0C9F741B396B}"/>
              </a:ext>
            </a:extLst>
          </p:cNvPr>
          <p:cNvSpPr>
            <a:spLocks noGrp="1"/>
          </p:cNvSpPr>
          <p:nvPr>
            <p:ph sz="quarter" idx="25" hasCustomPrompt="1"/>
          </p:nvPr>
        </p:nvSpPr>
        <p:spPr>
          <a:xfrm>
            <a:off x="9100629"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F1B747F8-E7C1-4577-DBCC-44A0481E646A}"/>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460236645"/>
      </p:ext>
    </p:extLst>
  </p:cSld>
  <p:clrMapOvr>
    <a:masterClrMapping/>
  </p:clrMapOvr>
  <p:extLst>
    <p:ext uri="{DCECCB84-F9BA-43D5-87BE-67443E8EF086}">
      <p15:sldGuideLst xmlns:p15="http://schemas.microsoft.com/office/powerpoint/2012/main">
        <p15:guide id="1" orient="horz" pos="486">
          <p15:clr>
            <a:srgbClr val="F26B43"/>
          </p15:clr>
        </p15:guide>
        <p15:guide id="2" orient="horz" pos="1875" userDrawn="1">
          <p15:clr>
            <a:srgbClr val="F26B43"/>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A. 4 col_content">
    <p:spTree>
      <p:nvGrpSpPr>
        <p:cNvPr id="1" name=""/>
        <p:cNvGrpSpPr/>
        <p:nvPr/>
      </p:nvGrpSpPr>
      <p:grpSpPr>
        <a:xfrm>
          <a:off x="0" y="0"/>
          <a:ext cx="0" cy="0"/>
          <a:chOff x="0" y="0"/>
          <a:chExt cx="0" cy="0"/>
        </a:xfrm>
      </p:grpSpPr>
      <p:pic>
        <p:nvPicPr>
          <p:cNvPr id="27" name="Graphic 26">
            <a:extLst>
              <a:ext uri="{FF2B5EF4-FFF2-40B4-BE49-F238E27FC236}">
                <a16:creationId xmlns:a16="http://schemas.microsoft.com/office/drawing/2014/main" id="{3B85D6E3-5B2F-35E9-5F62-5641C5122064}"/>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 xmlns:asvg="http://schemas.microsoft.com/office/drawing/2016/SVG/main" r:embed="rId3"/>
              </a:ext>
            </a:extLst>
          </a:blip>
          <a:srcRect/>
          <a:stretch/>
        </p:blipFill>
        <p:spPr>
          <a:xfrm>
            <a:off x="7" y="2699448"/>
            <a:ext cx="12191986" cy="309033"/>
          </a:xfrm>
          <a:prstGeom prst="rect">
            <a:avLst/>
          </a:prstGeom>
        </p:spPr>
      </p:pic>
      <p:sp>
        <p:nvSpPr>
          <p:cNvPr id="22" name="Title 1">
            <a:extLst>
              <a:ext uri="{FF2B5EF4-FFF2-40B4-BE49-F238E27FC236}">
                <a16:creationId xmlns:a16="http://schemas.microsoft.com/office/drawing/2014/main" id="{BBC53586-5BA1-03DB-BDFA-650FBE77D5A4}"/>
              </a:ext>
            </a:extLst>
          </p:cNvPr>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23" name="Text Placeholder eyebrow">
            <a:extLst>
              <a:ext uri="{FF2B5EF4-FFF2-40B4-BE49-F238E27FC236}">
                <a16:creationId xmlns:a16="http://schemas.microsoft.com/office/drawing/2014/main" id="{DE7C3846-3A0E-EB4A-5D05-A88472826761}"/>
              </a:ext>
            </a:extLst>
          </p:cNvPr>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17" name="Text Placeholder 16">
            <a:extLst>
              <a:ext uri="{FF2B5EF4-FFF2-40B4-BE49-F238E27FC236}">
                <a16:creationId xmlns:a16="http://schemas.microsoft.com/office/drawing/2014/main" id="{3F4B2A4F-AE05-BB2D-2F94-020FF0E32648}"/>
              </a:ext>
            </a:extLst>
          </p:cNvPr>
          <p:cNvSpPr>
            <a:spLocks noGrp="1"/>
          </p:cNvSpPr>
          <p:nvPr>
            <p:ph type="body" sz="quarter" idx="26" hasCustomPrompt="1"/>
          </p:nvPr>
        </p:nvSpPr>
        <p:spPr>
          <a:xfrm>
            <a:off x="358775" y="3225100"/>
            <a:ext cx="2052000" cy="394399"/>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3" name="Content Placeholder 2"/>
          <p:cNvSpPr>
            <a:spLocks noGrp="1"/>
          </p:cNvSpPr>
          <p:nvPr>
            <p:ph idx="1" hasCustomPrompt="1"/>
          </p:nvPr>
        </p:nvSpPr>
        <p:spPr>
          <a:xfrm>
            <a:off x="359999"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8" name="Text Placeholder 16">
            <a:extLst>
              <a:ext uri="{FF2B5EF4-FFF2-40B4-BE49-F238E27FC236}">
                <a16:creationId xmlns:a16="http://schemas.microsoft.com/office/drawing/2014/main" id="{603EA300-63BA-5800-5BBF-278E313431B8}"/>
              </a:ext>
            </a:extLst>
          </p:cNvPr>
          <p:cNvSpPr>
            <a:spLocks noGrp="1"/>
          </p:cNvSpPr>
          <p:nvPr>
            <p:ph type="body" sz="quarter" idx="27" hasCustomPrompt="1"/>
          </p:nvPr>
        </p:nvSpPr>
        <p:spPr>
          <a:xfrm>
            <a:off x="2713197"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2714115"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9" name="Text Placeholder 16">
            <a:extLst>
              <a:ext uri="{FF2B5EF4-FFF2-40B4-BE49-F238E27FC236}">
                <a16:creationId xmlns:a16="http://schemas.microsoft.com/office/drawing/2014/main" id="{E72393E9-306A-9C81-F8BD-59FAE7359ED1}"/>
              </a:ext>
            </a:extLst>
          </p:cNvPr>
          <p:cNvSpPr>
            <a:spLocks noGrp="1"/>
          </p:cNvSpPr>
          <p:nvPr>
            <p:ph type="body" sz="quarter" idx="28" hasCustomPrompt="1"/>
          </p:nvPr>
        </p:nvSpPr>
        <p:spPr>
          <a:xfrm>
            <a:off x="5067619"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5068231"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20" name="Text Placeholder 16">
            <a:extLst>
              <a:ext uri="{FF2B5EF4-FFF2-40B4-BE49-F238E27FC236}">
                <a16:creationId xmlns:a16="http://schemas.microsoft.com/office/drawing/2014/main" id="{D6CEF1E1-F623-58C2-6C50-CBD9A2B313C8}"/>
              </a:ext>
            </a:extLst>
          </p:cNvPr>
          <p:cNvSpPr>
            <a:spLocks noGrp="1"/>
          </p:cNvSpPr>
          <p:nvPr>
            <p:ph type="body" sz="quarter" idx="29" hasCustomPrompt="1"/>
          </p:nvPr>
        </p:nvSpPr>
        <p:spPr>
          <a:xfrm>
            <a:off x="7422041"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7422347"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0" name="Text Placeholder 16">
            <a:extLst>
              <a:ext uri="{FF2B5EF4-FFF2-40B4-BE49-F238E27FC236}">
                <a16:creationId xmlns:a16="http://schemas.microsoft.com/office/drawing/2014/main" id="{D8AB7EEA-CEB4-1015-F30C-C2BC948E0519}"/>
              </a:ext>
            </a:extLst>
          </p:cNvPr>
          <p:cNvSpPr>
            <a:spLocks noGrp="1"/>
          </p:cNvSpPr>
          <p:nvPr>
            <p:ph type="body" sz="quarter" idx="30" hasCustomPrompt="1"/>
          </p:nvPr>
        </p:nvSpPr>
        <p:spPr>
          <a:xfrm>
            <a:off x="9776463"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21" name="Content Placeholder 3">
            <a:extLst>
              <a:ext uri="{FF2B5EF4-FFF2-40B4-BE49-F238E27FC236}">
                <a16:creationId xmlns:a16="http://schemas.microsoft.com/office/drawing/2014/main" id="{105F744D-454F-875C-C169-BB0E4AFA4120}"/>
              </a:ext>
            </a:extLst>
          </p:cNvPr>
          <p:cNvSpPr>
            <a:spLocks noGrp="1"/>
          </p:cNvSpPr>
          <p:nvPr>
            <p:ph sz="half" idx="31" hasCustomPrompt="1"/>
          </p:nvPr>
        </p:nvSpPr>
        <p:spPr>
          <a:xfrm>
            <a:off x="9776463"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2" name="Date Placeholder 5">
            <a:extLst>
              <a:ext uri="{FF2B5EF4-FFF2-40B4-BE49-F238E27FC236}">
                <a16:creationId xmlns:a16="http://schemas.microsoft.com/office/drawing/2014/main" id="{3A5A1010-14D2-1CBB-04BB-3559BA6B534D}"/>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561909076"/>
      </p:ext>
    </p:extLst>
  </p:cSld>
  <p:clrMapOvr>
    <a:masterClrMapping/>
  </p:clrMapOvr>
  <p:extLst>
    <p:ext uri="{DCECCB84-F9BA-43D5-87BE-67443E8EF086}">
      <p15:sldGuideLst xmlns:p15="http://schemas.microsoft.com/office/powerpoint/2012/main">
        <p15:guide id="1" orient="horz" pos="335" userDrawn="1">
          <p15:clr>
            <a:srgbClr val="F26B43"/>
          </p15:clr>
        </p15:guide>
        <p15:guide id="2" orient="horz" pos="2031" userDrawn="1">
          <p15:clr>
            <a:srgbClr val="F26B43"/>
          </p15:clr>
        </p15:guide>
        <p15:guide id="3" orient="horz" pos="2280" userDrawn="1">
          <p15:clr>
            <a:srgbClr val="F26B43"/>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A. Content color">
    <p:bg>
      <p:bgPr>
        <a:solidFill>
          <a:schemeClr val="bg2"/>
        </a:solidFill>
        <a:effectLst/>
      </p:bgPr>
    </p:bg>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a:extLst>
              <a:ext uri="{FF2B5EF4-FFF2-40B4-BE49-F238E27FC236}">
                <a16:creationId xmlns:a16="http://schemas.microsoft.com/office/drawing/2014/main" id="{6624D307-17AE-B860-B6BF-FBF2952BA7BA}"/>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4" name="Text Placeholder notes">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2" name="Date Placeholder 5">
            <a:extLst>
              <a:ext uri="{FF2B5EF4-FFF2-40B4-BE49-F238E27FC236}">
                <a16:creationId xmlns:a16="http://schemas.microsoft.com/office/drawing/2014/main" id="{2AAC1F8F-2C4B-E525-0D2F-3CCEF7244FD7}"/>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962403861"/>
      </p:ext>
    </p:extLst>
  </p:cSld>
  <p:clrMapOvr>
    <a:masterClrMapping/>
  </p:clrMapOvr>
  <p:extLst>
    <p:ext uri="{DCECCB84-F9BA-43D5-87BE-67443E8EF086}">
      <p15:sldGuideLst xmlns:p15="http://schemas.microsoft.com/office/powerpoint/2012/main">
        <p15:guide id="1" orient="horz" pos="1074">
          <p15:clr>
            <a:srgbClr val="F26B43"/>
          </p15:clr>
        </p15:guide>
        <p15:guide id="2" orient="horz" pos="486">
          <p15:clr>
            <a:srgbClr val="F26B43"/>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A.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3211"/>
            <a:ext cx="7588800" cy="1166400"/>
          </a:xfrm>
        </p:spPr>
        <p:txBody>
          <a:bodyPr/>
          <a:lstStyle>
            <a:lvl1pPr>
              <a:defRPr>
                <a:solidFill>
                  <a:schemeClr val="accent3"/>
                </a:solidFill>
              </a:defRPr>
            </a:lvl1pPr>
          </a:lstStyle>
          <a:p>
            <a:r>
              <a:rPr lang="en-US" noProof="0" dirty="0"/>
              <a:t>Click to add title</a:t>
            </a:r>
            <a:endParaRPr lang="en-US" dirty="0"/>
          </a:p>
        </p:txBody>
      </p:sp>
      <p:sp>
        <p:nvSpPr>
          <p:cNvPr id="5" name="Text Placeholder eyebrow">
            <a:extLst>
              <a:ext uri="{FF2B5EF4-FFF2-40B4-BE49-F238E27FC236}">
                <a16:creationId xmlns:a16="http://schemas.microsoft.com/office/drawing/2014/main" id="{AC99B38F-58E3-4A4E-B317-D556CB4BD79C}"/>
              </a:ext>
            </a:extLst>
          </p:cNvPr>
          <p:cNvSpPr>
            <a:spLocks noGrp="1"/>
          </p:cNvSpPr>
          <p:nvPr>
            <p:ph type="body" sz="quarter" idx="17" hasCustomPrompt="1"/>
          </p:nvPr>
        </p:nvSpPr>
        <p:spPr>
          <a:xfrm>
            <a:off x="360000" y="296574"/>
            <a:ext cx="7588800" cy="232064"/>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3" name="Content Placeholder 2"/>
          <p:cNvSpPr>
            <a:spLocks noGrp="1"/>
          </p:cNvSpPr>
          <p:nvPr>
            <p:ph idx="1" hasCustomPrompt="1"/>
          </p:nvPr>
        </p:nvSpPr>
        <p:spPr>
          <a:xfrm>
            <a:off x="360000" y="1706399"/>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4" name="Text Placeholder notes">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8" name="Slide Number Placeholder 7">
            <a:extLst>
              <a:ext uri="{FF2B5EF4-FFF2-40B4-BE49-F238E27FC236}">
                <a16:creationId xmlns:a16="http://schemas.microsoft.com/office/drawing/2014/main" id="{B1EB77F1-4CE8-6D3E-4EBE-D5782485C18F}"/>
              </a:ext>
            </a:extLst>
          </p:cNvPr>
          <p:cNvSpPr>
            <a:spLocks noGrp="1"/>
          </p:cNvSpPr>
          <p:nvPr>
            <p:ph type="sldNum" sz="quarter" idx="19"/>
          </p:nvPr>
        </p:nvSpPr>
        <p:spPr/>
        <p:txBody>
          <a:bodyPr/>
          <a:lstStyle/>
          <a:p>
            <a:fld id="{23AA811B-2EBD-4900-905E-5BE206449611}" type="slidenum">
              <a:rPr lang="en-US" smtClean="0"/>
              <a:pPr/>
              <a:t>‹#›</a:t>
            </a:fld>
            <a:endParaRPr lang="en-US" dirty="0"/>
          </a:p>
        </p:txBody>
      </p:sp>
      <p:sp>
        <p:nvSpPr>
          <p:cNvPr id="4" name="Date Placeholder 5">
            <a:extLst>
              <a:ext uri="{FF2B5EF4-FFF2-40B4-BE49-F238E27FC236}">
                <a16:creationId xmlns:a16="http://schemas.microsoft.com/office/drawing/2014/main" id="{D13FCF4A-B0A2-BBC4-B08D-60AF636FA25A}"/>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090177959"/>
      </p:ext>
    </p:extLst>
  </p:cSld>
  <p:clrMapOvr>
    <a:masterClrMapping/>
  </p:clrMapOvr>
  <p:extLst>
    <p:ext uri="{DCECCB84-F9BA-43D5-87BE-67443E8EF086}">
      <p15:sldGuideLst xmlns:p15="http://schemas.microsoft.com/office/powerpoint/2012/main">
        <p15:guide id="2" orient="horz" pos="336">
          <p15:clr>
            <a:srgbClr val="F26B43"/>
          </p15:clr>
        </p15:guide>
        <p15:guide id="3" orient="horz" pos="1071">
          <p15:clr>
            <a:srgbClr val="F26B43"/>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 Content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706400"/>
            <a:ext cx="564515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8" name="Date Placeholder 5">
            <a:extLst>
              <a:ext uri="{FF2B5EF4-FFF2-40B4-BE49-F238E27FC236}">
                <a16:creationId xmlns:a16="http://schemas.microsoft.com/office/drawing/2014/main" id="{C2AC1DE4-0AEE-52CA-5CFF-7633479D34AA}"/>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812398393"/>
      </p:ext>
    </p:extLst>
  </p:cSld>
  <p:clrMapOvr>
    <a:masterClrMapping/>
  </p:clrMapOvr>
  <p:extLst>
    <p:ext uri="{DCECCB84-F9BA-43D5-87BE-67443E8EF086}">
      <p15:sldGuideLst xmlns:p15="http://schemas.microsoft.com/office/powerpoint/2012/main">
        <p15:guide id="1" orient="horz" pos="486">
          <p15:clr>
            <a:srgbClr val="F26B43"/>
          </p15:clr>
        </p15:guide>
        <p15:guide id="2" orient="horz" pos="1074">
          <p15:clr>
            <a:srgbClr val="F26B43"/>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B.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a:extLst>
              <a:ext uri="{FF2B5EF4-FFF2-40B4-BE49-F238E27FC236}">
                <a16:creationId xmlns:a16="http://schemas.microsoft.com/office/drawing/2014/main" id="{A6F7E782-EEB2-33F5-CD9D-EC84094E1665}"/>
              </a:ext>
            </a:extLst>
          </p:cNvPr>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3" name="Content Placeholder 2"/>
          <p:cNvSpPr>
            <a:spLocks noGrp="1"/>
          </p:cNvSpPr>
          <p:nvPr>
            <p:ph idx="1" hasCustomPrompt="1"/>
          </p:nvPr>
        </p:nvSpPr>
        <p:spPr>
          <a:xfrm>
            <a:off x="360000"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186488" y="1706400"/>
            <a:ext cx="5644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8" name="Date Placeholder 5">
            <a:extLst>
              <a:ext uri="{FF2B5EF4-FFF2-40B4-BE49-F238E27FC236}">
                <a16:creationId xmlns:a16="http://schemas.microsoft.com/office/drawing/2014/main" id="{5689377D-371F-DE28-4505-0C2D7FBCEB6C}"/>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4260620365"/>
      </p:ext>
    </p:extLst>
  </p:cSld>
  <p:clrMapOvr>
    <a:masterClrMapping/>
  </p:clrMapOvr>
  <p:extLst>
    <p:ext uri="{DCECCB84-F9BA-43D5-87BE-67443E8EF086}">
      <p15:sldGuideLst xmlns:p15="http://schemas.microsoft.com/office/powerpoint/2012/main">
        <p15:guide id="1" orient="horz" pos="1071">
          <p15:clr>
            <a:srgbClr val="F26B43"/>
          </p15:clr>
        </p15:guide>
        <p15:guide id="2" orient="horz" pos="336">
          <p15:clr>
            <a:srgbClr val="F26B43"/>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 Content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59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999"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8128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10" name="Date Placeholder 5">
            <a:extLst>
              <a:ext uri="{FF2B5EF4-FFF2-40B4-BE49-F238E27FC236}">
                <a16:creationId xmlns:a16="http://schemas.microsoft.com/office/drawing/2014/main" id="{EC8D3555-CC00-2423-2B89-8E5269B68F44}"/>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831098556"/>
      </p:ext>
    </p:extLst>
  </p:cSld>
  <p:clrMapOvr>
    <a:masterClrMapping/>
  </p:clrMapOvr>
  <p:extLst>
    <p:ext uri="{DCECCB84-F9BA-43D5-87BE-67443E8EF086}">
      <p15:sldGuideLst xmlns:p15="http://schemas.microsoft.com/office/powerpoint/2012/main">
        <p15:guide id="1" orient="horz" pos="486">
          <p15:clr>
            <a:srgbClr val="F26B43"/>
          </p15:clr>
        </p15:guide>
        <p15:guide id="2" orient="horz" pos="1074">
          <p15:clr>
            <a:srgbClr val="F26B43"/>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a:extLst>
              <a:ext uri="{FF2B5EF4-FFF2-40B4-BE49-F238E27FC236}">
                <a16:creationId xmlns:a16="http://schemas.microsoft.com/office/drawing/2014/main" id="{A6F7E782-EEB2-33F5-CD9D-EC84094E1665}"/>
              </a:ext>
            </a:extLst>
          </p:cNvPr>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3" name="Content Placeholder 2"/>
          <p:cNvSpPr>
            <a:spLocks noGrp="1"/>
          </p:cNvSpPr>
          <p:nvPr>
            <p:ph idx="1" hasCustomPrompt="1"/>
          </p:nvPr>
        </p:nvSpPr>
        <p:spPr>
          <a:xfrm>
            <a:off x="3600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44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8" name="Content Placeholder 3">
            <a:extLst>
              <a:ext uri="{FF2B5EF4-FFF2-40B4-BE49-F238E27FC236}">
                <a16:creationId xmlns:a16="http://schemas.microsoft.com/office/drawing/2014/main" id="{DFBABCC5-94E5-5B1E-9A94-449E76472BB5}"/>
              </a:ext>
            </a:extLst>
          </p:cNvPr>
          <p:cNvSpPr>
            <a:spLocks noGrp="1"/>
          </p:cNvSpPr>
          <p:nvPr>
            <p:ph sz="half" idx="20" hasCustomPrompt="1"/>
          </p:nvPr>
        </p:nvSpPr>
        <p:spPr>
          <a:xfrm>
            <a:off x="8128800" y="1706400"/>
            <a:ext cx="3704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50DD623D-6152-408F-1A98-98AAAF53FD0C}"/>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982029360"/>
      </p:ext>
    </p:extLst>
  </p:cSld>
  <p:clrMapOvr>
    <a:masterClrMapping/>
  </p:clrMapOvr>
  <p:extLst>
    <p:ext uri="{DCECCB84-F9BA-43D5-87BE-67443E8EF086}">
      <p15:sldGuideLst xmlns:p15="http://schemas.microsoft.com/office/powerpoint/2012/main">
        <p15:guide id="1" orient="horz" pos="1071">
          <p15:clr>
            <a:srgbClr val="F26B43"/>
          </p15:clr>
        </p15:guide>
        <p15:guide id="2" orient="horz" pos="336">
          <p15:clr>
            <a:srgbClr val="F26B43"/>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D. Content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59999" y="1706400"/>
            <a:ext cx="2732451"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9" name="Date Placeholder 5">
            <a:extLst>
              <a:ext uri="{FF2B5EF4-FFF2-40B4-BE49-F238E27FC236}">
                <a16:creationId xmlns:a16="http://schemas.microsoft.com/office/drawing/2014/main" id="{F00CED9C-CBDA-34FC-BB8C-4CFE2A146469}"/>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743328520"/>
      </p:ext>
    </p:extLst>
  </p:cSld>
  <p:clrMapOvr>
    <a:masterClrMapping/>
  </p:clrMapOvr>
  <p:extLst>
    <p:ext uri="{DCECCB84-F9BA-43D5-87BE-67443E8EF086}">
      <p15:sldGuideLst xmlns:p15="http://schemas.microsoft.com/office/powerpoint/2012/main">
        <p15:guide id="1" orient="horz" pos="486">
          <p15:clr>
            <a:srgbClr val="F26B43"/>
          </p15:clr>
        </p15:guide>
        <p15:guide id="2" orient="horz" pos="1074">
          <p15:clr>
            <a:srgbClr val="F26B43"/>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D. Content w/eyebrow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6" name="Text Placeholder eyebrow">
            <a:extLst>
              <a:ext uri="{FF2B5EF4-FFF2-40B4-BE49-F238E27FC236}">
                <a16:creationId xmlns:a16="http://schemas.microsoft.com/office/drawing/2014/main" id="{A6F7E782-EEB2-33F5-CD9D-EC84094E1665}"/>
              </a:ext>
            </a:extLst>
          </p:cNvPr>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3" name="Content Placeholder 2"/>
          <p:cNvSpPr>
            <a:spLocks noGrp="1"/>
          </p:cNvSpPr>
          <p:nvPr>
            <p:ph idx="1" hasCustomPrompt="1"/>
          </p:nvPr>
        </p:nvSpPr>
        <p:spPr>
          <a:xfrm>
            <a:off x="3600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6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8" name="Content Placeholder 3">
            <a:extLst>
              <a:ext uri="{FF2B5EF4-FFF2-40B4-BE49-F238E27FC236}">
                <a16:creationId xmlns:a16="http://schemas.microsoft.com/office/drawing/2014/main" id="{DFBABCC5-94E5-5B1E-9A94-449E76472BB5}"/>
              </a:ext>
            </a:extLst>
          </p:cNvPr>
          <p:cNvSpPr>
            <a:spLocks noGrp="1"/>
          </p:cNvSpPr>
          <p:nvPr>
            <p:ph sz="half" idx="20" hasCustomPrompt="1"/>
          </p:nvPr>
        </p:nvSpPr>
        <p:spPr>
          <a:xfrm>
            <a:off x="61872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9" name="Content Placeholder 3">
            <a:extLst>
              <a:ext uri="{FF2B5EF4-FFF2-40B4-BE49-F238E27FC236}">
                <a16:creationId xmlns:a16="http://schemas.microsoft.com/office/drawing/2014/main" id="{B675280F-D86E-F890-AC2F-16E5DEA2266B}"/>
              </a:ext>
            </a:extLst>
          </p:cNvPr>
          <p:cNvSpPr>
            <a:spLocks noGrp="1"/>
          </p:cNvSpPr>
          <p:nvPr>
            <p:ph sz="half" idx="21" hasCustomPrompt="1"/>
          </p:nvPr>
        </p:nvSpPr>
        <p:spPr>
          <a:xfrm>
            <a:off x="9100800" y="1706400"/>
            <a:ext cx="27324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10" name="Date Placeholder 5">
            <a:extLst>
              <a:ext uri="{FF2B5EF4-FFF2-40B4-BE49-F238E27FC236}">
                <a16:creationId xmlns:a16="http://schemas.microsoft.com/office/drawing/2014/main" id="{9D2FF307-66FA-0AE7-527F-24C127ACA72A}"/>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4158226872"/>
      </p:ext>
    </p:extLst>
  </p:cSld>
  <p:clrMapOvr>
    <a:masterClrMapping/>
  </p:clrMapOvr>
  <p:extLst>
    <p:ext uri="{DCECCB84-F9BA-43D5-87BE-67443E8EF086}">
      <p15:sldGuideLst xmlns:p15="http://schemas.microsoft.com/office/powerpoint/2012/main">
        <p15:guide id="1" orient="horz" pos="1071">
          <p15:clr>
            <a:srgbClr val="F26B43"/>
          </p15:clr>
        </p15:guide>
        <p15:guide id="2" orient="horz" pos="336">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E. Cover">
    <p:bg bwMode="ltGray">
      <p:bgPr>
        <a:solidFill>
          <a:schemeClr val="tx1"/>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8" name="Picture 7" descr="A person looking at a cell phone&#10;&#10;Description automatically generated">
            <a:extLst>
              <a:ext uri="{FF2B5EF4-FFF2-40B4-BE49-F238E27FC236}">
                <a16:creationId xmlns:a16="http://schemas.microsoft.com/office/drawing/2014/main" id="{FCE1784D-AC37-CB9A-2D85-F1E62342ABBD}"/>
              </a:ext>
            </a:extLst>
          </p:cNvPr>
          <p:cNvPicPr>
            <a:picLocks noChangeAspect="1"/>
          </p:cNvPicPr>
          <p:nvPr userDrawn="1"/>
        </p:nvPicPr>
        <p:blipFill rotWithShape="1">
          <a:blip r:embed="rId2" cstate="email">
            <a:alphaModFix/>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17" name="Graphic">
            <a:extLst>
              <a:ext uri="{FF2B5EF4-FFF2-40B4-BE49-F238E27FC236}">
                <a16:creationId xmlns:a16="http://schemas.microsoft.com/office/drawing/2014/main" id="{2D32B9E0-AECD-F5E4-582D-93E292EB3F0B}"/>
              </a:ext>
            </a:extLst>
          </p:cNvPr>
          <p:cNvSpPr/>
          <p:nvPr userDrawn="1"/>
        </p:nvSpPr>
        <p:spPr>
          <a:xfrm>
            <a:off x="358775" y="358775"/>
            <a:ext cx="11469688" cy="6138000"/>
          </a:xfrm>
          <a:custGeom>
            <a:avLst/>
            <a:gdLst>
              <a:gd name="connsiteX0" fmla="*/ 8117764 w 11469688"/>
              <a:gd name="connsiteY0" fmla="*/ 532822 h 6138000"/>
              <a:gd name="connsiteX1" fmla="*/ 7810298 w 11469688"/>
              <a:gd name="connsiteY1" fmla="*/ 840285 h 6138000"/>
              <a:gd name="connsiteX2" fmla="*/ 7810298 w 11469688"/>
              <a:gd name="connsiteY2" fmla="*/ 1839636 h 6138000"/>
              <a:gd name="connsiteX3" fmla="*/ 7579668 w 11469688"/>
              <a:gd name="connsiteY3" fmla="*/ 2070265 h 6138000"/>
              <a:gd name="connsiteX4" fmla="*/ 6580310 w 11469688"/>
              <a:gd name="connsiteY4" fmla="*/ 2070265 h 6138000"/>
              <a:gd name="connsiteX5" fmla="*/ 6272844 w 11469688"/>
              <a:gd name="connsiteY5" fmla="*/ 2377728 h 6138000"/>
              <a:gd name="connsiteX6" fmla="*/ 6272844 w 11469688"/>
              <a:gd name="connsiteY6" fmla="*/ 3300118 h 6138000"/>
              <a:gd name="connsiteX7" fmla="*/ 6580310 w 11469688"/>
              <a:gd name="connsiteY7" fmla="*/ 3607581 h 6138000"/>
              <a:gd name="connsiteX8" fmla="*/ 7579668 w 11469688"/>
              <a:gd name="connsiteY8" fmla="*/ 3607581 h 6138000"/>
              <a:gd name="connsiteX9" fmla="*/ 7810298 w 11469688"/>
              <a:gd name="connsiteY9" fmla="*/ 3838210 h 6138000"/>
              <a:gd name="connsiteX10" fmla="*/ 7810298 w 11469688"/>
              <a:gd name="connsiteY10" fmla="*/ 4837561 h 6138000"/>
              <a:gd name="connsiteX11" fmla="*/ 8117764 w 11469688"/>
              <a:gd name="connsiteY11" fmla="*/ 5145024 h 6138000"/>
              <a:gd name="connsiteX12" fmla="*/ 9040160 w 11469688"/>
              <a:gd name="connsiteY12" fmla="*/ 5145024 h 6138000"/>
              <a:gd name="connsiteX13" fmla="*/ 9347625 w 11469688"/>
              <a:gd name="connsiteY13" fmla="*/ 4837561 h 6138000"/>
              <a:gd name="connsiteX14" fmla="*/ 9347625 w 11469688"/>
              <a:gd name="connsiteY14" fmla="*/ 3838210 h 6138000"/>
              <a:gd name="connsiteX15" fmla="*/ 9578256 w 11469688"/>
              <a:gd name="connsiteY15" fmla="*/ 3607581 h 6138000"/>
              <a:gd name="connsiteX16" fmla="*/ 10577614 w 11469688"/>
              <a:gd name="connsiteY16" fmla="*/ 3607581 h 6138000"/>
              <a:gd name="connsiteX17" fmla="*/ 10885079 w 11469688"/>
              <a:gd name="connsiteY17" fmla="*/ 3300118 h 6138000"/>
              <a:gd name="connsiteX18" fmla="*/ 10885079 w 11469688"/>
              <a:gd name="connsiteY18" fmla="*/ 2377728 h 6138000"/>
              <a:gd name="connsiteX19" fmla="*/ 10577614 w 11469688"/>
              <a:gd name="connsiteY19" fmla="*/ 2070265 h 6138000"/>
              <a:gd name="connsiteX20" fmla="*/ 9578256 w 11469688"/>
              <a:gd name="connsiteY20" fmla="*/ 2070265 h 6138000"/>
              <a:gd name="connsiteX21" fmla="*/ 9347625 w 11469688"/>
              <a:gd name="connsiteY21" fmla="*/ 1839636 h 6138000"/>
              <a:gd name="connsiteX22" fmla="*/ 9347625 w 11469688"/>
              <a:gd name="connsiteY22" fmla="*/ 840285 h 6138000"/>
              <a:gd name="connsiteX23" fmla="*/ 9040160 w 11469688"/>
              <a:gd name="connsiteY23" fmla="*/ 532822 h 6138000"/>
              <a:gd name="connsiteX24" fmla="*/ 449486 w 11469688"/>
              <a:gd name="connsiteY24" fmla="*/ 0 h 6138000"/>
              <a:gd name="connsiteX25" fmla="*/ 11020202 w 11469688"/>
              <a:gd name="connsiteY25" fmla="*/ 0 h 6138000"/>
              <a:gd name="connsiteX26" fmla="*/ 11469688 w 11469688"/>
              <a:gd name="connsiteY26" fmla="*/ 449486 h 6138000"/>
              <a:gd name="connsiteX27" fmla="*/ 11469688 w 11469688"/>
              <a:gd name="connsiteY27" fmla="*/ 5688514 h 6138000"/>
              <a:gd name="connsiteX28" fmla="*/ 11020202 w 11469688"/>
              <a:gd name="connsiteY28" fmla="*/ 6138000 h 6138000"/>
              <a:gd name="connsiteX29" fmla="*/ 449486 w 11469688"/>
              <a:gd name="connsiteY29" fmla="*/ 6138000 h 6138000"/>
              <a:gd name="connsiteX30" fmla="*/ 0 w 11469688"/>
              <a:gd name="connsiteY30" fmla="*/ 5688514 h 6138000"/>
              <a:gd name="connsiteX31" fmla="*/ 0 w 11469688"/>
              <a:gd name="connsiteY31" fmla="*/ 449486 h 6138000"/>
              <a:gd name="connsiteX32" fmla="*/ 449486 w 11469688"/>
              <a:gd name="connsiteY32" fmla="*/ 0 h 613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469688" h="6138000">
                <a:moveTo>
                  <a:pt x="8117764" y="532822"/>
                </a:moveTo>
                <a:cubicBezTo>
                  <a:pt x="7947966" y="532822"/>
                  <a:pt x="7810298" y="670488"/>
                  <a:pt x="7810298" y="840285"/>
                </a:cubicBezTo>
                <a:lnTo>
                  <a:pt x="7810298" y="1839636"/>
                </a:lnTo>
                <a:cubicBezTo>
                  <a:pt x="7810298" y="1967015"/>
                  <a:pt x="7707048" y="2070265"/>
                  <a:pt x="7579668" y="2070265"/>
                </a:cubicBezTo>
                <a:lnTo>
                  <a:pt x="6580310" y="2070265"/>
                </a:lnTo>
                <a:cubicBezTo>
                  <a:pt x="6410512" y="2070265"/>
                  <a:pt x="6272844" y="2207931"/>
                  <a:pt x="6272844" y="2377728"/>
                </a:cubicBezTo>
                <a:lnTo>
                  <a:pt x="6272844" y="3300118"/>
                </a:lnTo>
                <a:cubicBezTo>
                  <a:pt x="6272844" y="3469915"/>
                  <a:pt x="6410512" y="3607581"/>
                  <a:pt x="6580310" y="3607581"/>
                </a:cubicBezTo>
                <a:lnTo>
                  <a:pt x="7579668" y="3607581"/>
                </a:lnTo>
                <a:cubicBezTo>
                  <a:pt x="7707048" y="3607581"/>
                  <a:pt x="7810298" y="3710831"/>
                  <a:pt x="7810298" y="3838210"/>
                </a:cubicBezTo>
                <a:lnTo>
                  <a:pt x="7810298" y="4837561"/>
                </a:lnTo>
                <a:cubicBezTo>
                  <a:pt x="7810298" y="5007358"/>
                  <a:pt x="7947966" y="5145024"/>
                  <a:pt x="8117764" y="5145024"/>
                </a:cubicBezTo>
                <a:lnTo>
                  <a:pt x="9040160" y="5145024"/>
                </a:lnTo>
                <a:cubicBezTo>
                  <a:pt x="9209958" y="5145024"/>
                  <a:pt x="9347625" y="5007358"/>
                  <a:pt x="9347625" y="4837561"/>
                </a:cubicBezTo>
                <a:lnTo>
                  <a:pt x="9347625" y="3838210"/>
                </a:lnTo>
                <a:cubicBezTo>
                  <a:pt x="9347625" y="3710831"/>
                  <a:pt x="9450876" y="3607581"/>
                  <a:pt x="9578256" y="3607581"/>
                </a:cubicBezTo>
                <a:lnTo>
                  <a:pt x="10577614" y="3607581"/>
                </a:lnTo>
                <a:cubicBezTo>
                  <a:pt x="10747412" y="3607581"/>
                  <a:pt x="10885079" y="3469915"/>
                  <a:pt x="10885079" y="3300118"/>
                </a:cubicBezTo>
                <a:lnTo>
                  <a:pt x="10885079" y="2377728"/>
                </a:lnTo>
                <a:cubicBezTo>
                  <a:pt x="10885079" y="2207931"/>
                  <a:pt x="10747412" y="2070265"/>
                  <a:pt x="10577614" y="2070265"/>
                </a:cubicBezTo>
                <a:lnTo>
                  <a:pt x="9578256" y="2070265"/>
                </a:lnTo>
                <a:cubicBezTo>
                  <a:pt x="9450876" y="2070265"/>
                  <a:pt x="9347625" y="1967015"/>
                  <a:pt x="9347625" y="1839636"/>
                </a:cubicBezTo>
                <a:lnTo>
                  <a:pt x="9347625" y="840285"/>
                </a:lnTo>
                <a:cubicBezTo>
                  <a:pt x="9347625" y="670488"/>
                  <a:pt x="9209958" y="532822"/>
                  <a:pt x="9040160" y="532822"/>
                </a:cubicBezTo>
                <a:close/>
                <a:moveTo>
                  <a:pt x="449486" y="0"/>
                </a:moveTo>
                <a:lnTo>
                  <a:pt x="11020202" y="0"/>
                </a:lnTo>
                <a:cubicBezTo>
                  <a:pt x="11268446" y="0"/>
                  <a:pt x="11469688" y="201242"/>
                  <a:pt x="11469688" y="449486"/>
                </a:cubicBezTo>
                <a:lnTo>
                  <a:pt x="11469688" y="5688514"/>
                </a:lnTo>
                <a:cubicBezTo>
                  <a:pt x="11469688" y="5936758"/>
                  <a:pt x="11268446" y="6138000"/>
                  <a:pt x="11020202" y="6138000"/>
                </a:cubicBezTo>
                <a:lnTo>
                  <a:pt x="449486" y="6138000"/>
                </a:lnTo>
                <a:cubicBezTo>
                  <a:pt x="201242" y="6138000"/>
                  <a:pt x="0" y="5936758"/>
                  <a:pt x="0" y="5688514"/>
                </a:cubicBezTo>
                <a:lnTo>
                  <a:pt x="0" y="449486"/>
                </a:lnTo>
                <a:cubicBezTo>
                  <a:pt x="0" y="201242"/>
                  <a:pt x="201242" y="0"/>
                  <a:pt x="449486" y="0"/>
                </a:cubicBezTo>
                <a:close/>
              </a:path>
            </a:pathLst>
          </a:cu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 name="Title 1"/>
          <p:cNvSpPr>
            <a:spLocks noGrp="1"/>
          </p:cNvSpPr>
          <p:nvPr>
            <p:ph type="ctrTitle" hasCustomPrompt="1"/>
          </p:nvPr>
        </p:nvSpPr>
        <p:spPr bwMode="white">
          <a:xfrm>
            <a:off x="841248" y="1450800"/>
            <a:ext cx="5165852" cy="1820862"/>
          </a:xfrm>
          <a:noFill/>
        </p:spPr>
        <p:txBody>
          <a:bodyPr anchor="b" anchorCtr="0"/>
          <a:lstStyle>
            <a:lvl1pPr algn="l">
              <a:lnSpc>
                <a:spcPct val="85000"/>
              </a:lnSpc>
              <a:defRPr sz="6000" b="0">
                <a:solidFill>
                  <a:schemeClr val="accent1"/>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bwMode="white">
          <a:xfrm>
            <a:off x="841248" y="3654000"/>
            <a:ext cx="5165852" cy="1728000"/>
          </a:xfrm>
        </p:spPr>
        <p:txBody>
          <a:bodyPr/>
          <a:lstStyle>
            <a:lvl1pPr marL="0" indent="0">
              <a:lnSpc>
                <a:spcPct val="105000"/>
              </a:lnSpc>
              <a:buNone/>
              <a:defRPr sz="2200">
                <a:solidFill>
                  <a:schemeClr val="tx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5" name="Legal dynamic" descr="{&quot;templafy&quot;:{&quot;id&quot;:&quot;9a4e822b-610c-4fd4-a956-db2c580f0fe7&quot;}}" title="Form.Cigna_Confidentiality.EvernorthConfidentiality">
            <a:extLst>
              <a:ext uri="{FF2B5EF4-FFF2-40B4-BE49-F238E27FC236}">
                <a16:creationId xmlns:a16="http://schemas.microsoft.com/office/drawing/2014/main" id="{9F01B46A-535C-85FD-CBBA-B7D9FD817E62}"/>
              </a:ext>
            </a:extLst>
          </p:cNvPr>
          <p:cNvSpPr/>
          <p:nvPr userDrawn="1"/>
        </p:nvSpPr>
        <p:spPr bwMode="white">
          <a:xfrm>
            <a:off x="5430786" y="5903806"/>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6" name="Internal Stamp dynamic" descr="{&quot;templafy&quot;:{&quot;id&quot;:&quot;75693659-e367-42df-bae3-8bfc2dd2f175&quot;}}" title="Form.Cigna_Confidentiality.Cigna_confidentiality">
            <a:extLst>
              <a:ext uri="{FF2B5EF4-FFF2-40B4-BE49-F238E27FC236}">
                <a16:creationId xmlns:a16="http://schemas.microsoft.com/office/drawing/2014/main" id="{CC8FB2CC-F10A-4F4F-8F20-94D3B3E328E4}"/>
              </a:ext>
            </a:extLst>
          </p:cNvPr>
          <p:cNvSpPr/>
          <p:nvPr userDrawn="1"/>
        </p:nvSpPr>
        <p:spPr bwMode="white">
          <a:xfrm>
            <a:off x="3096000" y="5903806"/>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472927235" name="Dynamic logo hypermint" descr="{&quot;templafy&quot;:{&quot;id&quot;:&quot;6e60ad82-5311-40d3-b854-1ae1e604f9ce&quot;}}"/>
          <p:cNvPicPr>
            <a:picLocks noChangeAspect="1"/>
          </p:cNvPicPr>
          <p:nvPr/>
        </p:nvPicPr>
        <p:blipFill>
          <a:blip r:embed="rId3"/>
          <a:stretch>
            <a:fillRect/>
          </a:stretch>
        </p:blipFill>
        <p:spPr>
          <a:xfrm>
            <a:off x="820800" y="5569200"/>
            <a:ext cx="2145600" cy="756000"/>
          </a:xfrm>
          <a:prstGeom prst="rect">
            <a:avLst/>
          </a:prstGeom>
        </p:spPr>
      </p:pic>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bwMode="white">
          <a:xfrm>
            <a:off x="11068880" y="6051600"/>
            <a:ext cx="266400" cy="180000"/>
          </a:xfrm>
        </p:spPr>
        <p:txBody>
          <a:bodyPr/>
          <a:lstStyle>
            <a:lvl1pPr>
              <a:defRPr>
                <a:solidFill>
                  <a:schemeClr val="tx2"/>
                </a:solidFill>
              </a:defRPr>
            </a:lvl1pPr>
          </a:lstStyle>
          <a:p>
            <a:fld id="{23AA811B-2EBD-4900-905E-5BE206449611}" type="slidenum">
              <a:rPr lang="en-US" smtClean="0"/>
              <a:pPr/>
              <a:t>‹#›</a:t>
            </a:fld>
            <a:endParaRPr lang="en-US" dirty="0"/>
          </a:p>
        </p:txBody>
      </p:sp>
      <p:sp>
        <p:nvSpPr>
          <p:cNvPr id="3" name="Date Placeholder 2">
            <a:extLst>
              <a:ext uri="{FF2B5EF4-FFF2-40B4-BE49-F238E27FC236}">
                <a16:creationId xmlns:a16="http://schemas.microsoft.com/office/drawing/2014/main" id="{788BBC47-061B-6B03-3F22-69BD151E2BA1}"/>
              </a:ext>
            </a:extLst>
          </p:cNvPr>
          <p:cNvSpPr>
            <a:spLocks noGrp="1"/>
          </p:cNvSpPr>
          <p:nvPr>
            <p:ph type="dt" sz="half" idx="17"/>
          </p:nvPr>
        </p:nvSpPr>
        <p:spPr>
          <a:xfrm>
            <a:off x="10141200" y="60516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23936139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300" userDrawn="1">
          <p15:clr>
            <a:srgbClr val="F26B43"/>
          </p15:clr>
        </p15:guide>
        <p15:guide id="2" orient="horz" pos="2064" userDrawn="1">
          <p15:clr>
            <a:srgbClr val="F26B43"/>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 Content color">
    <p:bg>
      <p:bgPr>
        <a:solidFill>
          <a:schemeClr val="bg2"/>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E62DA21-7247-AE84-D579-FE4CCCDB80C5}"/>
              </a:ext>
            </a:extLst>
          </p:cNvPr>
          <p:cNvSpPr>
            <a:spLocks noGrp="1" noRot="1" noMove="1" noResize="1" noEditPoints="1" noAdjustHandles="1" noChangeArrowheads="1" noChangeShapeType="1"/>
          </p:cNvSpPr>
          <p:nvPr userDrawn="1"/>
        </p:nvSpPr>
        <p:spPr bwMode="white">
          <a:xfrm>
            <a:off x="2736000" y="6063916"/>
            <a:ext cx="1868400" cy="794084"/>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pic>
        <p:nvPicPr>
          <p:cNvPr id="7" name="Picture 6" descr="A person running outside with trees in the background&#10;&#10;Description automatically generated">
            <a:extLst>
              <a:ext uri="{FF2B5EF4-FFF2-40B4-BE49-F238E27FC236}">
                <a16:creationId xmlns:a16="http://schemas.microsoft.com/office/drawing/2014/main" id="{89A96106-E0FF-D5DD-DAB7-FC1FFBA68FC3}"/>
              </a:ext>
            </a:extLst>
          </p:cNvPr>
          <p:cNvPicPr>
            <a:picLocks noGrp="1" noRot="1" noChangeAspect="1" noMove="1" noResize="1" noEditPoints="1" noAdjustHandles="1" noChangeArrowheads="1" noChangeShapeType="1" noCrop="1"/>
          </p:cNvPicPr>
          <p:nvPr userDrawn="1"/>
        </p:nvPicPr>
        <p:blipFill rotWithShape="1">
          <a:blip r:embed="rId2">
            <a:alphaModFix/>
            <a:extLst>
              <a:ext uri="{28A0092B-C50C-407E-A947-70E740481C1C}">
                <a14:useLocalDpi xmlns:a14="http://schemas.microsoft.com/office/drawing/2010/main" val="0"/>
              </a:ext>
            </a:extLst>
          </a:blip>
          <a:srcRect l="1513" t="2124" r="37351" b="16994"/>
          <a:stretch/>
        </p:blipFill>
        <p:spPr>
          <a:xfrm>
            <a:off x="4394200" y="0"/>
            <a:ext cx="7798562" cy="6857873"/>
          </a:xfrm>
          <a:custGeom>
            <a:avLst/>
            <a:gdLst>
              <a:gd name="connsiteX0" fmla="*/ 4145915 w 7798562"/>
              <a:gd name="connsiteY0" fmla="*/ 0 h 6857873"/>
              <a:gd name="connsiteX1" fmla="*/ 7798562 w 7798562"/>
              <a:gd name="connsiteY1" fmla="*/ 0 h 6857873"/>
              <a:gd name="connsiteX2" fmla="*/ 7798562 w 7798562"/>
              <a:gd name="connsiteY2" fmla="*/ 6857873 h 6857873"/>
              <a:gd name="connsiteX3" fmla="*/ 21209 w 7798562"/>
              <a:gd name="connsiteY3" fmla="*/ 6857873 h 6857873"/>
              <a:gd name="connsiteX4" fmla="*/ 0 w 7798562"/>
              <a:gd name="connsiteY4" fmla="*/ 6672072 h 6857873"/>
              <a:gd name="connsiteX5" fmla="*/ 0 w 7798562"/>
              <a:gd name="connsiteY5" fmla="*/ 4185158 h 6857873"/>
              <a:gd name="connsiteX6" fmla="*/ 828929 w 7798562"/>
              <a:gd name="connsiteY6" fmla="*/ 3356229 h 6857873"/>
              <a:gd name="connsiteX7" fmla="*/ 3523234 w 7798562"/>
              <a:gd name="connsiteY7" fmla="*/ 3356229 h 6857873"/>
              <a:gd name="connsiteX8" fmla="*/ 4144899 w 7798562"/>
              <a:gd name="connsiteY8" fmla="*/ 2734564 h 6857873"/>
              <a:gd name="connsiteX9" fmla="*/ 4144899 w 7798562"/>
              <a:gd name="connsiteY9" fmla="*/ 40386 h 6857873"/>
              <a:gd name="connsiteX10" fmla="*/ 4145915 w 7798562"/>
              <a:gd name="connsiteY10" fmla="*/ 0 h 68578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7798562" h="6857873">
                <a:moveTo>
                  <a:pt x="4145915" y="0"/>
                </a:moveTo>
                <a:lnTo>
                  <a:pt x="7798562" y="0"/>
                </a:lnTo>
                <a:lnTo>
                  <a:pt x="7798562" y="6857873"/>
                </a:lnTo>
                <a:lnTo>
                  <a:pt x="21209" y="6857873"/>
                </a:lnTo>
                <a:cubicBezTo>
                  <a:pt x="7493" y="6798183"/>
                  <a:pt x="0" y="6735953"/>
                  <a:pt x="0" y="6672072"/>
                </a:cubicBezTo>
                <a:lnTo>
                  <a:pt x="0" y="4185158"/>
                </a:lnTo>
                <a:cubicBezTo>
                  <a:pt x="0" y="3727323"/>
                  <a:pt x="371094" y="3356229"/>
                  <a:pt x="828929" y="3356229"/>
                </a:cubicBezTo>
                <a:lnTo>
                  <a:pt x="3523234" y="3356229"/>
                </a:lnTo>
                <a:cubicBezTo>
                  <a:pt x="3866515" y="3356229"/>
                  <a:pt x="4144899" y="3077972"/>
                  <a:pt x="4144899" y="2734564"/>
                </a:cubicBezTo>
                <a:lnTo>
                  <a:pt x="4144899" y="40386"/>
                </a:lnTo>
                <a:cubicBezTo>
                  <a:pt x="4144899" y="26797"/>
                  <a:pt x="4145280" y="13335"/>
                  <a:pt x="4145915" y="0"/>
                </a:cubicBezTo>
                <a:close/>
              </a:path>
            </a:pathLst>
          </a:custGeom>
        </p:spPr>
      </p:pic>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a:extLst>
              <a:ext uri="{FF2B5EF4-FFF2-40B4-BE49-F238E27FC236}">
                <a16:creationId xmlns:a16="http://schemas.microsoft.com/office/drawing/2014/main" id="{6624D307-17AE-B860-B6BF-FBF2952BA7BA}"/>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60000" y="1706400"/>
            <a:ext cx="37040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4" name="Text Placeholder notes">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749200"/>
            <a:ext cx="37040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11" name="Legal dynamic" descr="{&quot;templafy&quot;:{&quot;id&quot;:&quot;92f1ec2b-3e7d-47a5-b32a-fb22f0f6936a&quot;}}" title="Form.Cigna_Confidentiality.EvernorthConfidentiality">
            <a:extLst>
              <a:ext uri="{FF2B5EF4-FFF2-40B4-BE49-F238E27FC236}">
                <a16:creationId xmlns:a16="http://schemas.microsoft.com/office/drawing/2014/main" id="{E9B1624F-A9FC-D14B-2D3A-07D3D3D27547}"/>
              </a:ext>
            </a:extLst>
          </p:cNvPr>
          <p:cNvSpPr/>
          <p:nvPr userDrawn="1"/>
        </p:nvSpPr>
        <p:spPr bwMode="white">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bg1"/>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0" name="Internal Stamp dynamic" descr="{&quot;templafy&quot;:{&quot;id&quot;:&quot;ecee7eb0-2871-46c5-830f-c89d7c513324&quot;}}" title="Form.Cigna_Confidentiality.Cigna_confidentiality">
            <a:extLst>
              <a:ext uri="{FF2B5EF4-FFF2-40B4-BE49-F238E27FC236}">
                <a16:creationId xmlns:a16="http://schemas.microsoft.com/office/drawing/2014/main" id="{E6D63D2D-EACA-AE85-132A-145A0AD8CDDA}"/>
              </a:ext>
            </a:extLst>
          </p:cNvPr>
          <p:cNvSpPr/>
          <p:nvPr userDrawn="1"/>
        </p:nvSpPr>
        <p:spPr>
          <a:xfrm>
            <a:off x="2844000" y="6216565"/>
            <a:ext cx="140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accent3"/>
              </a:solidFill>
              <a:effectLst/>
              <a:latin typeface="Arial Narrow" panose="020B0604020202020204" pitchFamily="34" charset="0"/>
              <a:ea typeface="+mn-ea"/>
              <a:cs typeface="+mn-cs"/>
            </a:endParaRPr>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8" name="Date Placeholder 5">
            <a:extLst>
              <a:ext uri="{FF2B5EF4-FFF2-40B4-BE49-F238E27FC236}">
                <a16:creationId xmlns:a16="http://schemas.microsoft.com/office/drawing/2014/main" id="{A15775F7-299E-8775-41DE-B482B14FB24D}"/>
              </a:ext>
            </a:extLst>
          </p:cNvPr>
          <p:cNvSpPr>
            <a:spLocks noGrp="1"/>
          </p:cNvSpPr>
          <p:nvPr>
            <p:ph type="dt" sz="half" idx="13"/>
          </p:nvPr>
        </p:nvSpPr>
        <p:spPr>
          <a:xfrm>
            <a:off x="10630800" y="6364800"/>
            <a:ext cx="691200" cy="180000"/>
          </a:xfrm>
        </p:spPr>
        <p:txBody>
          <a:bodyPr/>
          <a:lstStyle>
            <a:lvl1pPr>
              <a:defRPr>
                <a:solidFill>
                  <a:schemeClr val="bg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639954469"/>
      </p:ext>
    </p:extLst>
  </p:cSld>
  <p:clrMapOvr>
    <a:masterClrMapping/>
  </p:clrMapOvr>
  <p:extLst>
    <p:ext uri="{DCECCB84-F9BA-43D5-87BE-67443E8EF086}">
      <p15:sldGuideLst xmlns:p15="http://schemas.microsoft.com/office/powerpoint/2012/main">
        <p15:guide id="1" orient="horz" pos="1074">
          <p15:clr>
            <a:srgbClr val="F26B43"/>
          </p15:clr>
        </p15:guide>
        <p15:guide id="2" orient="horz" pos="486">
          <p15:clr>
            <a:srgbClr val="F26B43"/>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A. Content and Image color">
    <p:bg>
      <p:bgPr>
        <a:solidFill>
          <a:schemeClr val="bg2"/>
        </a:solidFill>
        <a:effectLst/>
      </p:bgPr>
    </p:bg>
    <p:spTree>
      <p:nvGrpSpPr>
        <p:cNvPr id="1" name=""/>
        <p:cNvGrpSpPr/>
        <p:nvPr/>
      </p:nvGrpSpPr>
      <p:grpSpPr>
        <a:xfrm>
          <a:off x="0" y="0"/>
          <a:ext cx="0" cy="0"/>
          <a:chOff x="0" y="0"/>
          <a:chExt cx="0" cy="0"/>
        </a:xfrm>
      </p:grpSpPr>
      <p:sp>
        <p:nvSpPr>
          <p:cNvPr id="7" name="Picture Placeholder 17">
            <a:extLst>
              <a:ext uri="{FF2B5EF4-FFF2-40B4-BE49-F238E27FC236}">
                <a16:creationId xmlns:a16="http://schemas.microsoft.com/office/drawing/2014/main" id="{BE3027AD-94E9-A768-4C15-96C5746FB951}"/>
              </a:ext>
            </a:extLst>
          </p:cNvPr>
          <p:cNvSpPr>
            <a:spLocks noGrp="1"/>
          </p:cNvSpPr>
          <p:nvPr>
            <p:ph type="pic" sz="quarter" idx="20"/>
          </p:nvPr>
        </p:nvSpPr>
        <p:spPr>
          <a:xfrm>
            <a:off x="8128000" y="1772816"/>
            <a:ext cx="3706811" cy="4264384"/>
          </a:xfrm>
          <a:prstGeom prst="roundRect">
            <a:avLst>
              <a:gd name="adj" fmla="val 9634"/>
            </a:avLst>
          </a:pr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a:t>Click icon to add picture</a:t>
            </a:r>
          </a:p>
        </p:txBody>
      </p:sp>
      <p:sp>
        <p:nvSpPr>
          <p:cNvPr id="6" name="Title 5">
            <a:extLst>
              <a:ext uri="{FF2B5EF4-FFF2-40B4-BE49-F238E27FC236}">
                <a16:creationId xmlns:a16="http://schemas.microsoft.com/office/drawing/2014/main" id="{AADA00A3-1949-BBC2-B834-FFE8121ED8D9}"/>
              </a:ext>
            </a:extLst>
          </p:cNvPr>
          <p:cNvSpPr>
            <a:spLocks noGrp="1"/>
          </p:cNvSpPr>
          <p:nvPr>
            <p:ph type="title" hasCustomPrompt="1"/>
          </p:nvPr>
        </p:nvSpPr>
        <p:spPr>
          <a:xfrm>
            <a:off x="360000" y="295200"/>
            <a:ext cx="7588800" cy="469910"/>
          </a:xfrm>
        </p:spPr>
        <p:txBody>
          <a:bodyPr/>
          <a:lstStyle/>
          <a:p>
            <a:r>
              <a:rPr lang="en-US" noProof="0" dirty="0"/>
              <a:t>Click to add title</a:t>
            </a:r>
            <a:endParaRPr lang="en-US" dirty="0"/>
          </a:p>
        </p:txBody>
      </p:sp>
      <p:sp>
        <p:nvSpPr>
          <p:cNvPr id="9" name="Text Placeholder sub">
            <a:extLst>
              <a:ext uri="{FF2B5EF4-FFF2-40B4-BE49-F238E27FC236}">
                <a16:creationId xmlns:a16="http://schemas.microsoft.com/office/drawing/2014/main" id="{6624D307-17AE-B860-B6BF-FBF2952BA7BA}"/>
              </a:ext>
            </a:extLst>
          </p:cNvPr>
          <p:cNvSpPr>
            <a:spLocks noGrp="1"/>
          </p:cNvSpPr>
          <p:nvPr>
            <p:ph type="body" sz="quarter" idx="19" hasCustomPrompt="1"/>
          </p:nvPr>
        </p:nvSpPr>
        <p:spPr>
          <a:xfrm>
            <a:off x="360000" y="769232"/>
            <a:ext cx="7588800" cy="935743"/>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60000" y="1706400"/>
            <a:ext cx="7588800" cy="404280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dirty="0"/>
          </a:p>
        </p:txBody>
      </p:sp>
      <p:sp>
        <p:nvSpPr>
          <p:cNvPr id="14" name="Text Placeholder notes">
            <a:extLst>
              <a:ext uri="{FF2B5EF4-FFF2-40B4-BE49-F238E27FC236}">
                <a16:creationId xmlns:a16="http://schemas.microsoft.com/office/drawing/2014/main" id="{DEBBE09B-35FB-4112-9ADF-BA0FEC378F77}"/>
              </a:ext>
            </a:extLst>
          </p:cNvPr>
          <p:cNvSpPr>
            <a:spLocks noGrp="1"/>
          </p:cNvSpPr>
          <p:nvPr>
            <p:ph type="body" sz="quarter" idx="16" hasCustomPrompt="1"/>
          </p:nvPr>
        </p:nvSpPr>
        <p:spPr>
          <a:xfrm>
            <a:off x="360000" y="5749200"/>
            <a:ext cx="75888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18DB4F76-CF7B-A1C3-7AF9-A6971FBEC67D}"/>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2" name="Date Placeholder 5">
            <a:extLst>
              <a:ext uri="{FF2B5EF4-FFF2-40B4-BE49-F238E27FC236}">
                <a16:creationId xmlns:a16="http://schemas.microsoft.com/office/drawing/2014/main" id="{811FE2AB-3F21-C3B2-60BD-245C08E2C7A2}"/>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4136689556"/>
      </p:ext>
    </p:extLst>
  </p:cSld>
  <p:clrMapOvr>
    <a:masterClrMapping/>
  </p:clrMapOvr>
  <p:extLst>
    <p:ext uri="{DCECCB84-F9BA-43D5-87BE-67443E8EF086}">
      <p15:sldGuideLst xmlns:p15="http://schemas.microsoft.com/office/powerpoint/2012/main">
        <p15:guide id="1" orient="horz" pos="1074">
          <p15:clr>
            <a:srgbClr val="F26B43"/>
          </p15:clr>
        </p15:guide>
        <p15:guide id="2" orient="horz" pos="486">
          <p15:clr>
            <a:srgbClr val="F26B43"/>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A. 3 Content and Images color">
    <p:bg>
      <p:bgPr>
        <a:solidFill>
          <a:schemeClr val="bg2"/>
        </a:solidFill>
        <a:effectLst/>
      </p:bgPr>
    </p:bg>
    <p:spTree>
      <p:nvGrpSpPr>
        <p:cNvPr id="1" name=""/>
        <p:cNvGrpSpPr/>
        <p:nvPr/>
      </p:nvGrpSpPr>
      <p:grpSpPr>
        <a:xfrm>
          <a:off x="0" y="0"/>
          <a:ext cx="0" cy="0"/>
          <a:chOff x="0" y="0"/>
          <a:chExt cx="0" cy="0"/>
        </a:xfrm>
      </p:grpSpPr>
      <p:sp>
        <p:nvSpPr>
          <p:cNvPr id="10" name="Picture Placeholder 7">
            <a:extLst>
              <a:ext uri="{FF2B5EF4-FFF2-40B4-BE49-F238E27FC236}">
                <a16:creationId xmlns:a16="http://schemas.microsoft.com/office/drawing/2014/main" id="{6CFF692D-A41B-5DAE-DC12-1E2A739A2195}"/>
              </a:ext>
            </a:extLst>
          </p:cNvPr>
          <p:cNvSpPr>
            <a:spLocks noGrp="1"/>
          </p:cNvSpPr>
          <p:nvPr>
            <p:ph type="pic" sz="quarter" idx="11"/>
          </p:nvPr>
        </p:nvSpPr>
        <p:spPr>
          <a:xfrm>
            <a:off x="358774"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a:t>Click icon to add picture</a:t>
            </a:r>
          </a:p>
        </p:txBody>
      </p:sp>
      <p:sp>
        <p:nvSpPr>
          <p:cNvPr id="13" name="Picture Placeholder 7">
            <a:extLst>
              <a:ext uri="{FF2B5EF4-FFF2-40B4-BE49-F238E27FC236}">
                <a16:creationId xmlns:a16="http://schemas.microsoft.com/office/drawing/2014/main" id="{8CD27472-1C1C-7DB5-8520-A778835F23D9}"/>
              </a:ext>
            </a:extLst>
          </p:cNvPr>
          <p:cNvSpPr>
            <a:spLocks noGrp="1"/>
          </p:cNvSpPr>
          <p:nvPr>
            <p:ph type="pic" sz="quarter" idx="21"/>
          </p:nvPr>
        </p:nvSpPr>
        <p:spPr>
          <a:xfrm>
            <a:off x="4243387"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a:t>Click icon to add picture</a:t>
            </a:r>
          </a:p>
        </p:txBody>
      </p:sp>
      <p:sp>
        <p:nvSpPr>
          <p:cNvPr id="14" name="Picture Placeholder 7">
            <a:extLst>
              <a:ext uri="{FF2B5EF4-FFF2-40B4-BE49-F238E27FC236}">
                <a16:creationId xmlns:a16="http://schemas.microsoft.com/office/drawing/2014/main" id="{85753AAB-BEA0-A5BA-56EA-816BE2951FEA}"/>
              </a:ext>
            </a:extLst>
          </p:cNvPr>
          <p:cNvSpPr>
            <a:spLocks noGrp="1"/>
          </p:cNvSpPr>
          <p:nvPr>
            <p:ph type="pic" sz="quarter" idx="22"/>
          </p:nvPr>
        </p:nvSpPr>
        <p:spPr>
          <a:xfrm>
            <a:off x="8128000" y="1493973"/>
            <a:ext cx="3704400" cy="2206800"/>
          </a:xfrm>
          <a:prstGeom prst="roundRect">
            <a:avLst>
              <a:gd name="adj" fmla="val 10792"/>
            </a:avLst>
          </a:prstGeom>
          <a:solidFill>
            <a:schemeClr val="bg1">
              <a:lumMod val="75000"/>
            </a:schemeClr>
          </a:solidFill>
        </p:spPr>
        <p:txBody>
          <a:bodyPr tIns="576000" anchor="ctr"/>
          <a:lstStyle>
            <a:lvl1pPr marL="0" indent="0" algn="ctr">
              <a:buNone/>
              <a:defRPr sz="1200">
                <a:solidFill>
                  <a:schemeClr val="tx1"/>
                </a:solidFill>
                <a:latin typeface="+mn-lt"/>
              </a:defRPr>
            </a:lvl1pPr>
          </a:lstStyle>
          <a:p>
            <a:r>
              <a:rPr lang="en-US"/>
              <a:t>Click icon to add picture</a:t>
            </a:r>
          </a:p>
        </p:txBody>
      </p:sp>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540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59999"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5" name="Text Placeholder sub 2">
            <a:extLst>
              <a:ext uri="{FF2B5EF4-FFF2-40B4-BE49-F238E27FC236}">
                <a16:creationId xmlns:a16="http://schemas.microsoft.com/office/drawing/2014/main" id="{86CA2E7B-9B5A-23C0-3C0B-4E9778ED1A5A}"/>
              </a:ext>
            </a:extLst>
          </p:cNvPr>
          <p:cNvSpPr>
            <a:spLocks noGrp="1"/>
          </p:cNvSpPr>
          <p:nvPr>
            <p:ph type="body" sz="quarter" idx="23" hasCustomPrompt="1"/>
          </p:nvPr>
        </p:nvSpPr>
        <p:spPr>
          <a:xfrm>
            <a:off x="359998"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243387"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6" name="Text Placeholder sub 3">
            <a:extLst>
              <a:ext uri="{FF2B5EF4-FFF2-40B4-BE49-F238E27FC236}">
                <a16:creationId xmlns:a16="http://schemas.microsoft.com/office/drawing/2014/main" id="{B8571102-3BDF-DF66-5A11-3465B3F62A1D}"/>
              </a:ext>
            </a:extLst>
          </p:cNvPr>
          <p:cNvSpPr>
            <a:spLocks noGrp="1"/>
          </p:cNvSpPr>
          <p:nvPr>
            <p:ph type="body" sz="quarter" idx="24" hasCustomPrompt="1"/>
          </p:nvPr>
        </p:nvSpPr>
        <p:spPr>
          <a:xfrm>
            <a:off x="4243387"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a:p>
        </p:txBody>
      </p:sp>
      <p:sp>
        <p:nvSpPr>
          <p:cNvPr id="8" name="Content Placeholder 4">
            <a:extLst>
              <a:ext uri="{FF2B5EF4-FFF2-40B4-BE49-F238E27FC236}">
                <a16:creationId xmlns:a16="http://schemas.microsoft.com/office/drawing/2014/main" id="{AB022DFF-8F16-4A61-9B0B-DD1E6316615B}"/>
              </a:ext>
            </a:extLst>
          </p:cNvPr>
          <p:cNvSpPr>
            <a:spLocks noGrp="1"/>
          </p:cNvSpPr>
          <p:nvPr>
            <p:ph sz="half" idx="20" hasCustomPrompt="1"/>
          </p:nvPr>
        </p:nvSpPr>
        <p:spPr>
          <a:xfrm>
            <a:off x="8128000" y="4402111"/>
            <a:ext cx="3704400" cy="1346226"/>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7" name="Text Placeholder sub 4">
            <a:extLst>
              <a:ext uri="{FF2B5EF4-FFF2-40B4-BE49-F238E27FC236}">
                <a16:creationId xmlns:a16="http://schemas.microsoft.com/office/drawing/2014/main" id="{C98340A6-A646-DE65-D0FA-EEA832AD3494}"/>
              </a:ext>
            </a:extLst>
          </p:cNvPr>
          <p:cNvSpPr>
            <a:spLocks noGrp="1"/>
          </p:cNvSpPr>
          <p:nvPr>
            <p:ph type="body" sz="quarter" idx="25" hasCustomPrompt="1"/>
          </p:nvPr>
        </p:nvSpPr>
        <p:spPr>
          <a:xfrm>
            <a:off x="8128000" y="4002454"/>
            <a:ext cx="3704400" cy="398096"/>
          </a:xfrm>
        </p:spPr>
        <p:txBody>
          <a:bodyPr anchor="t" anchorCtr="0"/>
          <a:lstStyle>
            <a:lvl1pPr marL="0" indent="0">
              <a:lnSpc>
                <a:spcPct val="100000"/>
              </a:lnSpc>
              <a:spcBef>
                <a:spcPts val="0"/>
              </a:spcBef>
              <a:spcAft>
                <a:spcPts val="0"/>
              </a:spcAft>
              <a:buNone/>
              <a:defRPr sz="1400" b="1" cap="none" spc="0" baseline="0">
                <a:solidFill>
                  <a:schemeClr val="accent3"/>
                </a:solidFill>
                <a:latin typeface="+mn-lt"/>
              </a:defRPr>
            </a:lvl1pPr>
          </a:lstStyle>
          <a:p>
            <a:pPr lvl="0"/>
            <a:r>
              <a:rPr lang="en-US" dirty="0"/>
              <a:t>Click to add subtitle</a:t>
            </a:r>
            <a:endParaRPr lang="en-US"/>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9600"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96E17E89-FC55-3098-D759-3358E33BBC29}"/>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207771207"/>
      </p:ext>
    </p:extLst>
  </p:cSld>
  <p:clrMapOvr>
    <a:masterClrMapping/>
  </p:clrMapOvr>
  <p:extLst>
    <p:ext uri="{DCECCB84-F9BA-43D5-87BE-67443E8EF086}">
      <p15:sldGuideLst xmlns:p15="http://schemas.microsoft.com/office/powerpoint/2012/main">
        <p15:guide id="1" orient="horz" pos="486">
          <p15:clr>
            <a:srgbClr val="F26B43"/>
          </p15:clr>
        </p15:guide>
        <p15:guide id="2" orient="horz" pos="940">
          <p15:clr>
            <a:srgbClr val="A4A3A4"/>
          </p15:clr>
        </p15:guide>
        <p15:guide id="3" orient="horz" pos="2331">
          <p15:clr>
            <a:srgbClr val="A4A3A4"/>
          </p15:clr>
        </p15:guide>
        <p15:guide id="4" orient="horz" pos="2518">
          <p15:clr>
            <a:srgbClr val="F26B43"/>
          </p15:clr>
        </p15:guide>
        <p15:guide id="5" orient="horz" pos="2772">
          <p15:clr>
            <a:srgbClr val="F26B43"/>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A. 4 col_content and icon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3" name="Content Placeholder 2"/>
          <p:cNvSpPr>
            <a:spLocks noGrp="1"/>
          </p:cNvSpPr>
          <p:nvPr>
            <p:ph idx="1" hasCustomPrompt="1"/>
          </p:nvPr>
        </p:nvSpPr>
        <p:spPr>
          <a:xfrm>
            <a:off x="359999" y="2509594"/>
            <a:ext cx="2732451"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2509594"/>
            <a:ext cx="2732400" cy="3238743"/>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dirty="0"/>
          </a:p>
        </p:txBody>
      </p:sp>
      <p:sp>
        <p:nvSpPr>
          <p:cNvPr id="13" name="Content Placeholder 12">
            <a:extLst>
              <a:ext uri="{FF2B5EF4-FFF2-40B4-BE49-F238E27FC236}">
                <a16:creationId xmlns:a16="http://schemas.microsoft.com/office/drawing/2014/main" id="{F3234D57-AF53-E0DB-C937-D18B2FD0C742}"/>
              </a:ext>
            </a:extLst>
          </p:cNvPr>
          <p:cNvSpPr>
            <a:spLocks noGrp="1"/>
          </p:cNvSpPr>
          <p:nvPr>
            <p:ph sz="quarter" idx="22" hasCustomPrompt="1"/>
          </p:nvPr>
        </p:nvSpPr>
        <p:spPr>
          <a:xfrm>
            <a:off x="360000"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a:p>
        </p:txBody>
      </p:sp>
      <p:sp>
        <p:nvSpPr>
          <p:cNvPr id="14" name="Content Placeholder 12">
            <a:extLst>
              <a:ext uri="{FF2B5EF4-FFF2-40B4-BE49-F238E27FC236}">
                <a16:creationId xmlns:a16="http://schemas.microsoft.com/office/drawing/2014/main" id="{B95D790D-95CB-A96F-5C58-23F1105FE4B8}"/>
              </a:ext>
            </a:extLst>
          </p:cNvPr>
          <p:cNvSpPr>
            <a:spLocks noGrp="1"/>
          </p:cNvSpPr>
          <p:nvPr>
            <p:ph sz="quarter" idx="23" hasCustomPrompt="1"/>
          </p:nvPr>
        </p:nvSpPr>
        <p:spPr>
          <a:xfrm>
            <a:off x="3273576"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a:p>
        </p:txBody>
      </p:sp>
      <p:sp>
        <p:nvSpPr>
          <p:cNvPr id="15" name="Content Placeholder 12">
            <a:extLst>
              <a:ext uri="{FF2B5EF4-FFF2-40B4-BE49-F238E27FC236}">
                <a16:creationId xmlns:a16="http://schemas.microsoft.com/office/drawing/2014/main" id="{CA4F82EB-2F71-355A-EA48-B2286BC5B6BA}"/>
              </a:ext>
            </a:extLst>
          </p:cNvPr>
          <p:cNvSpPr>
            <a:spLocks noGrp="1"/>
          </p:cNvSpPr>
          <p:nvPr>
            <p:ph sz="quarter" idx="24" hasCustomPrompt="1"/>
          </p:nvPr>
        </p:nvSpPr>
        <p:spPr>
          <a:xfrm>
            <a:off x="6187102"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a:p>
        </p:txBody>
      </p:sp>
      <p:sp>
        <p:nvSpPr>
          <p:cNvPr id="16" name="Content Placeholder 12">
            <a:extLst>
              <a:ext uri="{FF2B5EF4-FFF2-40B4-BE49-F238E27FC236}">
                <a16:creationId xmlns:a16="http://schemas.microsoft.com/office/drawing/2014/main" id="{A894763A-0742-A455-9D20-0C9F741B396B}"/>
              </a:ext>
            </a:extLst>
          </p:cNvPr>
          <p:cNvSpPr>
            <a:spLocks noGrp="1"/>
          </p:cNvSpPr>
          <p:nvPr>
            <p:ph sz="quarter" idx="25" hasCustomPrompt="1"/>
          </p:nvPr>
        </p:nvSpPr>
        <p:spPr>
          <a:xfrm>
            <a:off x="9100629" y="1845281"/>
            <a:ext cx="540000" cy="540000"/>
          </a:xfrm>
        </p:spPr>
        <p:txBody>
          <a:bodyPr lIns="0" bIns="1404000"/>
          <a:lstStyle>
            <a:lvl1pPr marL="0" indent="0">
              <a:lnSpc>
                <a:spcPct val="80000"/>
              </a:lnSpc>
              <a:spcAft>
                <a:spcPts val="0"/>
              </a:spcAft>
              <a:buNone/>
              <a:defRPr sz="900"/>
            </a:lvl1pPr>
          </a:lstStyle>
          <a:p>
            <a:pPr lvl="0"/>
            <a:r>
              <a:rPr lang="en-US" dirty="0"/>
              <a:t>Click on Picture icon to insert icon</a:t>
            </a:r>
            <a:endParaRPr lang="en-US"/>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3DAF339A-A861-483F-C740-2EBFC1E3E47F}"/>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267224180"/>
      </p:ext>
    </p:extLst>
  </p:cSld>
  <p:clrMapOvr>
    <a:masterClrMapping/>
  </p:clrMapOvr>
  <p:extLst>
    <p:ext uri="{DCECCB84-F9BA-43D5-87BE-67443E8EF086}">
      <p15:sldGuideLst xmlns:p15="http://schemas.microsoft.com/office/powerpoint/2012/main">
        <p15:guide id="1" orient="horz" pos="486">
          <p15:clr>
            <a:srgbClr val="F26B43"/>
          </p15:clr>
        </p15:guide>
        <p15:guide id="2" orient="horz" pos="1579">
          <p15:clr>
            <a:srgbClr val="F26B43"/>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B. 4 col_content and icon color">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60000" y="295200"/>
            <a:ext cx="7588800" cy="471600"/>
          </a:xfrm>
        </p:spPr>
        <p:txBody>
          <a:bodyPr/>
          <a:lstStyle>
            <a:lvl1pPr>
              <a:defRPr>
                <a:solidFill>
                  <a:schemeClr val="accent3"/>
                </a:solidFill>
              </a:defRPr>
            </a:lvl1pPr>
          </a:lstStyle>
          <a:p>
            <a:r>
              <a:rPr lang="en-US" noProof="0" dirty="0"/>
              <a:t>Click to add title</a:t>
            </a:r>
            <a:endParaRPr lang="en-US" dirty="0"/>
          </a:p>
        </p:txBody>
      </p:sp>
      <p:sp>
        <p:nvSpPr>
          <p:cNvPr id="6" name="Text Placeholder sub">
            <a:extLst>
              <a:ext uri="{FF2B5EF4-FFF2-40B4-BE49-F238E27FC236}">
                <a16:creationId xmlns:a16="http://schemas.microsoft.com/office/drawing/2014/main" id="{A3D8B013-EDFB-C349-E68E-1D19817723BD}"/>
              </a:ext>
            </a:extLst>
          </p:cNvPr>
          <p:cNvSpPr>
            <a:spLocks noGrp="1"/>
          </p:cNvSpPr>
          <p:nvPr>
            <p:ph type="body" sz="quarter" idx="19" hasCustomPrompt="1"/>
          </p:nvPr>
        </p:nvSpPr>
        <p:spPr>
          <a:xfrm>
            <a:off x="360000" y="769232"/>
            <a:ext cx="7588800" cy="612000"/>
          </a:xfrm>
        </p:spPr>
        <p:txBody>
          <a:bodyPr anchor="t" anchorCtr="0"/>
          <a:lstStyle>
            <a:lvl1pPr marL="0" indent="0">
              <a:lnSpc>
                <a:spcPct val="100000"/>
              </a:lnSpc>
              <a:spcBef>
                <a:spcPts val="0"/>
              </a:spcBef>
              <a:spcAft>
                <a:spcPts val="0"/>
              </a:spcAft>
              <a:buNone/>
              <a:defRPr sz="1800" cap="none" spc="0" baseline="0">
                <a:solidFill>
                  <a:schemeClr val="accent3"/>
                </a:solidFill>
                <a:latin typeface="+mn-lt"/>
              </a:defRPr>
            </a:lvl1pPr>
          </a:lstStyle>
          <a:p>
            <a:pPr lvl="0"/>
            <a:r>
              <a:rPr lang="en-US" dirty="0"/>
              <a:t>Click to add subtitle</a:t>
            </a:r>
            <a:endParaRPr lang="en-US"/>
          </a:p>
        </p:txBody>
      </p:sp>
      <p:sp>
        <p:nvSpPr>
          <p:cNvPr id="17" name="Text Placeholder 16">
            <a:extLst>
              <a:ext uri="{FF2B5EF4-FFF2-40B4-BE49-F238E27FC236}">
                <a16:creationId xmlns:a16="http://schemas.microsoft.com/office/drawing/2014/main" id="{3F4B2A4F-AE05-BB2D-2F94-020FF0E32648}"/>
              </a:ext>
            </a:extLst>
          </p:cNvPr>
          <p:cNvSpPr>
            <a:spLocks noGrp="1"/>
          </p:cNvSpPr>
          <p:nvPr>
            <p:ph type="body" sz="quarter" idx="26" hasCustomPrompt="1"/>
          </p:nvPr>
        </p:nvSpPr>
        <p:spPr>
          <a:xfrm>
            <a:off x="358775"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3" name="Content Placeholder 2"/>
          <p:cNvSpPr>
            <a:spLocks noGrp="1"/>
          </p:cNvSpPr>
          <p:nvPr>
            <p:ph idx="1" hasCustomPrompt="1"/>
          </p:nvPr>
        </p:nvSpPr>
        <p:spPr>
          <a:xfrm>
            <a:off x="35999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8" name="Text Placeholder 16">
            <a:extLst>
              <a:ext uri="{FF2B5EF4-FFF2-40B4-BE49-F238E27FC236}">
                <a16:creationId xmlns:a16="http://schemas.microsoft.com/office/drawing/2014/main" id="{603EA300-63BA-5800-5BBF-278E313431B8}"/>
              </a:ext>
            </a:extLst>
          </p:cNvPr>
          <p:cNvSpPr>
            <a:spLocks noGrp="1"/>
          </p:cNvSpPr>
          <p:nvPr>
            <p:ph type="body" sz="quarter" idx="27" hasCustomPrompt="1"/>
          </p:nvPr>
        </p:nvSpPr>
        <p:spPr>
          <a:xfrm>
            <a:off x="3273576"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273576"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9" name="Text Placeholder 16">
            <a:extLst>
              <a:ext uri="{FF2B5EF4-FFF2-40B4-BE49-F238E27FC236}">
                <a16:creationId xmlns:a16="http://schemas.microsoft.com/office/drawing/2014/main" id="{E72393E9-306A-9C81-F8BD-59FAE7359ED1}"/>
              </a:ext>
            </a:extLst>
          </p:cNvPr>
          <p:cNvSpPr>
            <a:spLocks noGrp="1"/>
          </p:cNvSpPr>
          <p:nvPr>
            <p:ph type="body" sz="quarter" idx="28" hasCustomPrompt="1"/>
          </p:nvPr>
        </p:nvSpPr>
        <p:spPr>
          <a:xfrm>
            <a:off x="6187102"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6187102"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20" name="Text Placeholder 16">
            <a:extLst>
              <a:ext uri="{FF2B5EF4-FFF2-40B4-BE49-F238E27FC236}">
                <a16:creationId xmlns:a16="http://schemas.microsoft.com/office/drawing/2014/main" id="{D6CEF1E1-F623-58C2-6C50-CBD9A2B313C8}"/>
              </a:ext>
            </a:extLst>
          </p:cNvPr>
          <p:cNvSpPr>
            <a:spLocks noGrp="1"/>
          </p:cNvSpPr>
          <p:nvPr>
            <p:ph type="body" sz="quarter" idx="29" hasCustomPrompt="1"/>
          </p:nvPr>
        </p:nvSpPr>
        <p:spPr>
          <a:xfrm>
            <a:off x="9100629" y="2154677"/>
            <a:ext cx="2732400" cy="821886"/>
          </a:xfrm>
        </p:spPr>
        <p:txBody>
          <a:bodyPr/>
          <a:lstStyle>
            <a:lvl1pPr marL="0" indent="0">
              <a:lnSpc>
                <a:spcPct val="100000"/>
              </a:lnSpc>
              <a:spcBef>
                <a:spcPts val="0"/>
              </a:spcBef>
              <a:spcAft>
                <a:spcPts val="0"/>
              </a:spcAft>
              <a:buNone/>
              <a:defRPr sz="4800" b="0">
                <a:solidFill>
                  <a:schemeClr val="accent2"/>
                </a:solidFill>
                <a:latin typeface="+mn-lt"/>
              </a:defRPr>
            </a:lvl1pPr>
            <a:lvl2pPr marL="0" indent="0">
              <a:lnSpc>
                <a:spcPct val="100000"/>
              </a:lnSpc>
              <a:spcBef>
                <a:spcPts val="0"/>
              </a:spcBef>
              <a:spcAft>
                <a:spcPts val="0"/>
              </a:spcAft>
              <a:buNone/>
              <a:defRPr sz="4800" b="0">
                <a:solidFill>
                  <a:schemeClr val="accent2"/>
                </a:solidFill>
                <a:latin typeface="+mn-lt"/>
              </a:defRPr>
            </a:lvl2pPr>
            <a:lvl3pPr marL="0" indent="0">
              <a:lnSpc>
                <a:spcPct val="100000"/>
              </a:lnSpc>
              <a:spcBef>
                <a:spcPts val="0"/>
              </a:spcBef>
              <a:spcAft>
                <a:spcPts val="0"/>
              </a:spcAft>
              <a:buNone/>
              <a:defRPr sz="4800" b="0">
                <a:solidFill>
                  <a:schemeClr val="accent2"/>
                </a:solidFill>
                <a:latin typeface="+mn-lt"/>
              </a:defRPr>
            </a:lvl3pPr>
            <a:lvl4pPr marL="0">
              <a:lnSpc>
                <a:spcPct val="100000"/>
              </a:lnSpc>
              <a:spcBef>
                <a:spcPts val="0"/>
              </a:spcBef>
              <a:spcAft>
                <a:spcPts val="0"/>
              </a:spcAft>
              <a:buNone/>
              <a:defRPr sz="4800" b="0">
                <a:solidFill>
                  <a:schemeClr val="accent2"/>
                </a:solidFill>
                <a:latin typeface="+mn-lt"/>
              </a:defRPr>
            </a:lvl4pPr>
            <a:lvl5pPr marL="0">
              <a:lnSpc>
                <a:spcPct val="100000"/>
              </a:lnSpc>
              <a:spcBef>
                <a:spcPts val="0"/>
              </a:spcBef>
              <a:spcAft>
                <a:spcPts val="0"/>
              </a:spcAft>
              <a:buNone/>
              <a:defRPr sz="4800" b="0">
                <a:solidFill>
                  <a:schemeClr val="accent2"/>
                </a:solidFill>
                <a:latin typeface="+mn-lt"/>
              </a:defRPr>
            </a:lvl5pPr>
            <a:lvl6pPr marL="0" indent="0">
              <a:lnSpc>
                <a:spcPct val="100000"/>
              </a:lnSpc>
              <a:spcBef>
                <a:spcPts val="0"/>
              </a:spcBef>
              <a:spcAft>
                <a:spcPts val="0"/>
              </a:spcAft>
              <a:buNone/>
              <a:defRPr sz="4800" b="0">
                <a:solidFill>
                  <a:schemeClr val="accent2"/>
                </a:solidFill>
                <a:latin typeface="+mn-lt"/>
              </a:defRPr>
            </a:lvl6pPr>
            <a:lvl7pPr marL="0">
              <a:lnSpc>
                <a:spcPct val="100000"/>
              </a:lnSpc>
              <a:spcBef>
                <a:spcPts val="0"/>
              </a:spcBef>
              <a:spcAft>
                <a:spcPts val="0"/>
              </a:spcAft>
              <a:buNone/>
              <a:defRPr sz="4800" b="0">
                <a:solidFill>
                  <a:schemeClr val="accent2"/>
                </a:solidFill>
                <a:latin typeface="+mn-lt"/>
              </a:defRPr>
            </a:lvl7pPr>
            <a:lvl8pPr marL="0">
              <a:lnSpc>
                <a:spcPct val="100000"/>
              </a:lnSpc>
              <a:spcBef>
                <a:spcPts val="0"/>
              </a:spcBef>
              <a:spcAft>
                <a:spcPts val="0"/>
              </a:spcAft>
              <a:buNone/>
              <a:defRPr sz="4800" b="0">
                <a:solidFill>
                  <a:schemeClr val="accent2"/>
                </a:solidFill>
                <a:latin typeface="+mn-lt"/>
              </a:defRPr>
            </a:lvl8pPr>
            <a:lvl9pPr marL="0">
              <a:lnSpc>
                <a:spcPct val="100000"/>
              </a:lnSpc>
              <a:spcBef>
                <a:spcPts val="0"/>
              </a:spcBef>
              <a:spcAft>
                <a:spcPts val="0"/>
              </a:spcAft>
              <a:buNone/>
              <a:defRPr sz="4800" b="0">
                <a:solidFill>
                  <a:schemeClr val="accent2"/>
                </a:solidFill>
                <a:latin typeface="+mn-lt"/>
              </a:defRPr>
            </a:lvl9pPr>
          </a:lstStyle>
          <a:p>
            <a:pPr lvl="0"/>
            <a:r>
              <a:rPr lang="en-US" noProof="0" dirty="0"/>
              <a:t>xx%</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9100629" y="2979997"/>
            <a:ext cx="2732400" cy="2768340"/>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p:txBody>
      </p:sp>
      <p:sp>
        <p:nvSpPr>
          <p:cNvPr id="13" name="Content Placeholder 12">
            <a:extLst>
              <a:ext uri="{FF2B5EF4-FFF2-40B4-BE49-F238E27FC236}">
                <a16:creationId xmlns:a16="http://schemas.microsoft.com/office/drawing/2014/main" id="{F3234D57-AF53-E0DB-C937-D18B2FD0C742}"/>
              </a:ext>
            </a:extLst>
          </p:cNvPr>
          <p:cNvSpPr>
            <a:spLocks noGrp="1"/>
          </p:cNvSpPr>
          <p:nvPr>
            <p:ph sz="quarter" idx="22" hasCustomPrompt="1"/>
          </p:nvPr>
        </p:nvSpPr>
        <p:spPr>
          <a:xfrm>
            <a:off x="360000"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a:p>
        </p:txBody>
      </p:sp>
      <p:sp>
        <p:nvSpPr>
          <p:cNvPr id="14" name="Content Placeholder 12">
            <a:extLst>
              <a:ext uri="{FF2B5EF4-FFF2-40B4-BE49-F238E27FC236}">
                <a16:creationId xmlns:a16="http://schemas.microsoft.com/office/drawing/2014/main" id="{B95D790D-95CB-A96F-5C58-23F1105FE4B8}"/>
              </a:ext>
            </a:extLst>
          </p:cNvPr>
          <p:cNvSpPr>
            <a:spLocks noGrp="1"/>
          </p:cNvSpPr>
          <p:nvPr>
            <p:ph sz="quarter" idx="23" hasCustomPrompt="1"/>
          </p:nvPr>
        </p:nvSpPr>
        <p:spPr>
          <a:xfrm>
            <a:off x="3273576"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a:p>
        </p:txBody>
      </p:sp>
      <p:sp>
        <p:nvSpPr>
          <p:cNvPr id="15" name="Content Placeholder 12">
            <a:extLst>
              <a:ext uri="{FF2B5EF4-FFF2-40B4-BE49-F238E27FC236}">
                <a16:creationId xmlns:a16="http://schemas.microsoft.com/office/drawing/2014/main" id="{CA4F82EB-2F71-355A-EA48-B2286BC5B6BA}"/>
              </a:ext>
            </a:extLst>
          </p:cNvPr>
          <p:cNvSpPr>
            <a:spLocks noGrp="1"/>
          </p:cNvSpPr>
          <p:nvPr>
            <p:ph sz="quarter" idx="24" hasCustomPrompt="1"/>
          </p:nvPr>
        </p:nvSpPr>
        <p:spPr>
          <a:xfrm>
            <a:off x="6187102"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a:p>
        </p:txBody>
      </p:sp>
      <p:sp>
        <p:nvSpPr>
          <p:cNvPr id="16" name="Content Placeholder 12">
            <a:extLst>
              <a:ext uri="{FF2B5EF4-FFF2-40B4-BE49-F238E27FC236}">
                <a16:creationId xmlns:a16="http://schemas.microsoft.com/office/drawing/2014/main" id="{A894763A-0742-A455-9D20-0C9F741B396B}"/>
              </a:ext>
            </a:extLst>
          </p:cNvPr>
          <p:cNvSpPr>
            <a:spLocks noGrp="1"/>
          </p:cNvSpPr>
          <p:nvPr>
            <p:ph sz="quarter" idx="25" hasCustomPrompt="1"/>
          </p:nvPr>
        </p:nvSpPr>
        <p:spPr>
          <a:xfrm>
            <a:off x="9100629" y="1755182"/>
            <a:ext cx="360000" cy="360000"/>
          </a:xfrm>
        </p:spPr>
        <p:txBody>
          <a:bodyPr lIns="0" bIns="1656000"/>
          <a:lstStyle>
            <a:lvl1pPr marL="0" indent="0">
              <a:lnSpc>
                <a:spcPct val="80000"/>
              </a:lnSpc>
              <a:spcAft>
                <a:spcPts val="0"/>
              </a:spcAft>
              <a:buNone/>
              <a:defRPr sz="900"/>
            </a:lvl1pPr>
          </a:lstStyle>
          <a:p>
            <a:pPr lvl="0"/>
            <a:r>
              <a:rPr lang="en-US" dirty="0"/>
              <a:t>Click on Picture icon to insert icon</a:t>
            </a:r>
            <a:endParaRPr lang="en-US"/>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08D0D09D-CCDC-B559-8822-5F2F27049799}"/>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921281873"/>
      </p:ext>
    </p:extLst>
  </p:cSld>
  <p:clrMapOvr>
    <a:masterClrMapping/>
  </p:clrMapOvr>
  <p:extLst>
    <p:ext uri="{DCECCB84-F9BA-43D5-87BE-67443E8EF086}">
      <p15:sldGuideLst xmlns:p15="http://schemas.microsoft.com/office/powerpoint/2012/main">
        <p15:guide id="1" orient="horz" pos="486">
          <p15:clr>
            <a:srgbClr val="F26B43"/>
          </p15:clr>
        </p15:guide>
        <p15:guide id="2" orient="horz" pos="1875">
          <p15:clr>
            <a:srgbClr val="F26B43"/>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A. 4 col_content color">
    <p:bg>
      <p:bgPr>
        <a:solidFill>
          <a:schemeClr val="bg2"/>
        </a:solidFill>
        <a:effectLst/>
      </p:bgPr>
    </p:bg>
    <p:spTree>
      <p:nvGrpSpPr>
        <p:cNvPr id="1" name=""/>
        <p:cNvGrpSpPr/>
        <p:nvPr/>
      </p:nvGrpSpPr>
      <p:grpSpPr>
        <a:xfrm>
          <a:off x="0" y="0"/>
          <a:ext cx="0" cy="0"/>
          <a:chOff x="0" y="0"/>
          <a:chExt cx="0" cy="0"/>
        </a:xfrm>
      </p:grpSpPr>
      <p:pic>
        <p:nvPicPr>
          <p:cNvPr id="27" name="Graphic 26">
            <a:extLst>
              <a:ext uri="{FF2B5EF4-FFF2-40B4-BE49-F238E27FC236}">
                <a16:creationId xmlns:a16="http://schemas.microsoft.com/office/drawing/2014/main" id="{3B85D6E3-5B2F-35E9-5F62-5641C5122064}"/>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 xmlns:asvg="http://schemas.microsoft.com/office/drawing/2016/SVG/main" r:embed="rId3"/>
              </a:ext>
            </a:extLst>
          </a:blip>
          <a:srcRect/>
          <a:stretch/>
        </p:blipFill>
        <p:spPr>
          <a:xfrm>
            <a:off x="7" y="2699448"/>
            <a:ext cx="12191986" cy="309033"/>
          </a:xfrm>
          <a:prstGeom prst="rect">
            <a:avLst/>
          </a:prstGeom>
        </p:spPr>
      </p:pic>
      <p:sp>
        <p:nvSpPr>
          <p:cNvPr id="22" name="Title 1">
            <a:extLst>
              <a:ext uri="{FF2B5EF4-FFF2-40B4-BE49-F238E27FC236}">
                <a16:creationId xmlns:a16="http://schemas.microsoft.com/office/drawing/2014/main" id="{BBC53586-5BA1-03DB-BDFA-650FBE77D5A4}"/>
              </a:ext>
            </a:extLst>
          </p:cNvPr>
          <p:cNvSpPr>
            <a:spLocks noGrp="1"/>
          </p:cNvSpPr>
          <p:nvPr>
            <p:ph type="title" hasCustomPrompt="1"/>
          </p:nvPr>
        </p:nvSpPr>
        <p:spPr>
          <a:xfrm>
            <a:off x="360000" y="532798"/>
            <a:ext cx="7588800" cy="1167415"/>
          </a:xfrm>
        </p:spPr>
        <p:txBody>
          <a:bodyPr/>
          <a:lstStyle>
            <a:lvl1pPr>
              <a:defRPr>
                <a:solidFill>
                  <a:schemeClr val="accent3"/>
                </a:solidFill>
              </a:defRPr>
            </a:lvl1pPr>
          </a:lstStyle>
          <a:p>
            <a:r>
              <a:rPr lang="en-US" noProof="0" dirty="0"/>
              <a:t>Click to add title</a:t>
            </a:r>
            <a:endParaRPr lang="en-US" dirty="0"/>
          </a:p>
        </p:txBody>
      </p:sp>
      <p:sp>
        <p:nvSpPr>
          <p:cNvPr id="23" name="Text Placeholder eyebrow">
            <a:extLst>
              <a:ext uri="{FF2B5EF4-FFF2-40B4-BE49-F238E27FC236}">
                <a16:creationId xmlns:a16="http://schemas.microsoft.com/office/drawing/2014/main" id="{DE7C3846-3A0E-EB4A-5D05-A88472826761}"/>
              </a:ext>
            </a:extLst>
          </p:cNvPr>
          <p:cNvSpPr>
            <a:spLocks noGrp="1"/>
          </p:cNvSpPr>
          <p:nvPr>
            <p:ph type="body" sz="quarter" idx="19" hasCustomPrompt="1"/>
          </p:nvPr>
        </p:nvSpPr>
        <p:spPr>
          <a:xfrm>
            <a:off x="360000" y="295200"/>
            <a:ext cx="7588800" cy="234779"/>
          </a:xfrm>
        </p:spPr>
        <p:txBody>
          <a:bodyPr tIns="36000" anchor="t" anchorCtr="0"/>
          <a:lstStyle>
            <a:lvl1pPr marL="0" indent="0">
              <a:lnSpc>
                <a:spcPct val="85000"/>
              </a:lnSpc>
              <a:spcBef>
                <a:spcPts val="0"/>
              </a:spcBef>
              <a:spcAft>
                <a:spcPts val="0"/>
              </a:spcAft>
              <a:buNone/>
              <a:defRPr sz="1200" cap="all" spc="150" baseline="0">
                <a:solidFill>
                  <a:schemeClr val="accent3"/>
                </a:solidFill>
                <a:latin typeface="Consolas" panose="020B0609020204030204" pitchFamily="49" charset="0"/>
              </a:defRPr>
            </a:lvl1pPr>
          </a:lstStyle>
          <a:p>
            <a:pPr lvl="0"/>
            <a:r>
              <a:rPr lang="en-US" dirty="0"/>
              <a:t>Click to add title</a:t>
            </a:r>
            <a:endParaRPr lang="en-US"/>
          </a:p>
        </p:txBody>
      </p:sp>
      <p:sp>
        <p:nvSpPr>
          <p:cNvPr id="17" name="Text Placeholder 16">
            <a:extLst>
              <a:ext uri="{FF2B5EF4-FFF2-40B4-BE49-F238E27FC236}">
                <a16:creationId xmlns:a16="http://schemas.microsoft.com/office/drawing/2014/main" id="{3F4B2A4F-AE05-BB2D-2F94-020FF0E32648}"/>
              </a:ext>
            </a:extLst>
          </p:cNvPr>
          <p:cNvSpPr>
            <a:spLocks noGrp="1"/>
          </p:cNvSpPr>
          <p:nvPr>
            <p:ph type="body" sz="quarter" idx="26" hasCustomPrompt="1"/>
          </p:nvPr>
        </p:nvSpPr>
        <p:spPr>
          <a:xfrm>
            <a:off x="358775" y="3225100"/>
            <a:ext cx="2052000" cy="394399"/>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3" name="Content Placeholder 2"/>
          <p:cNvSpPr>
            <a:spLocks noGrp="1"/>
          </p:cNvSpPr>
          <p:nvPr>
            <p:ph idx="1" hasCustomPrompt="1"/>
          </p:nvPr>
        </p:nvSpPr>
        <p:spPr>
          <a:xfrm>
            <a:off x="359999"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8" name="Text Placeholder 16">
            <a:extLst>
              <a:ext uri="{FF2B5EF4-FFF2-40B4-BE49-F238E27FC236}">
                <a16:creationId xmlns:a16="http://schemas.microsoft.com/office/drawing/2014/main" id="{603EA300-63BA-5800-5BBF-278E313431B8}"/>
              </a:ext>
            </a:extLst>
          </p:cNvPr>
          <p:cNvSpPr>
            <a:spLocks noGrp="1"/>
          </p:cNvSpPr>
          <p:nvPr>
            <p:ph type="body" sz="quarter" idx="27" hasCustomPrompt="1"/>
          </p:nvPr>
        </p:nvSpPr>
        <p:spPr>
          <a:xfrm>
            <a:off x="2713197"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2714115"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9" name="Text Placeholder 16">
            <a:extLst>
              <a:ext uri="{FF2B5EF4-FFF2-40B4-BE49-F238E27FC236}">
                <a16:creationId xmlns:a16="http://schemas.microsoft.com/office/drawing/2014/main" id="{E72393E9-306A-9C81-F8BD-59FAE7359ED1}"/>
              </a:ext>
            </a:extLst>
          </p:cNvPr>
          <p:cNvSpPr>
            <a:spLocks noGrp="1"/>
          </p:cNvSpPr>
          <p:nvPr>
            <p:ph type="body" sz="quarter" idx="28" hasCustomPrompt="1"/>
          </p:nvPr>
        </p:nvSpPr>
        <p:spPr>
          <a:xfrm>
            <a:off x="5067619"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8" name="Content Placeholder 3">
            <a:extLst>
              <a:ext uri="{FF2B5EF4-FFF2-40B4-BE49-F238E27FC236}">
                <a16:creationId xmlns:a16="http://schemas.microsoft.com/office/drawing/2014/main" id="{AB022DFF-8F16-4A61-9B0B-DD1E6316615B}"/>
              </a:ext>
            </a:extLst>
          </p:cNvPr>
          <p:cNvSpPr>
            <a:spLocks noGrp="1"/>
          </p:cNvSpPr>
          <p:nvPr>
            <p:ph sz="half" idx="20" hasCustomPrompt="1"/>
          </p:nvPr>
        </p:nvSpPr>
        <p:spPr>
          <a:xfrm>
            <a:off x="5068231"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20" name="Text Placeholder 16">
            <a:extLst>
              <a:ext uri="{FF2B5EF4-FFF2-40B4-BE49-F238E27FC236}">
                <a16:creationId xmlns:a16="http://schemas.microsoft.com/office/drawing/2014/main" id="{D6CEF1E1-F623-58C2-6C50-CBD9A2B313C8}"/>
              </a:ext>
            </a:extLst>
          </p:cNvPr>
          <p:cNvSpPr>
            <a:spLocks noGrp="1"/>
          </p:cNvSpPr>
          <p:nvPr>
            <p:ph type="body" sz="quarter" idx="29" hasCustomPrompt="1"/>
          </p:nvPr>
        </p:nvSpPr>
        <p:spPr>
          <a:xfrm>
            <a:off x="7422041"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12" name="Content Placeholder 3">
            <a:extLst>
              <a:ext uri="{FF2B5EF4-FFF2-40B4-BE49-F238E27FC236}">
                <a16:creationId xmlns:a16="http://schemas.microsoft.com/office/drawing/2014/main" id="{405546E1-7BF8-F03B-5530-1D7898C62B33}"/>
              </a:ext>
            </a:extLst>
          </p:cNvPr>
          <p:cNvSpPr>
            <a:spLocks noGrp="1"/>
          </p:cNvSpPr>
          <p:nvPr>
            <p:ph sz="half" idx="21" hasCustomPrompt="1"/>
          </p:nvPr>
        </p:nvSpPr>
        <p:spPr>
          <a:xfrm>
            <a:off x="7422347"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0" name="Text Placeholder 16">
            <a:extLst>
              <a:ext uri="{FF2B5EF4-FFF2-40B4-BE49-F238E27FC236}">
                <a16:creationId xmlns:a16="http://schemas.microsoft.com/office/drawing/2014/main" id="{D8AB7EEA-CEB4-1015-F30C-C2BC948E0519}"/>
              </a:ext>
            </a:extLst>
          </p:cNvPr>
          <p:cNvSpPr>
            <a:spLocks noGrp="1"/>
          </p:cNvSpPr>
          <p:nvPr>
            <p:ph type="body" sz="quarter" idx="30" hasCustomPrompt="1"/>
          </p:nvPr>
        </p:nvSpPr>
        <p:spPr>
          <a:xfrm>
            <a:off x="9776463" y="3225101"/>
            <a:ext cx="2052000" cy="396000"/>
          </a:xfrm>
        </p:spPr>
        <p:txBody>
          <a:bodyPr/>
          <a:lstStyle>
            <a:lvl1pPr marL="0" indent="0">
              <a:lnSpc>
                <a:spcPct val="100000"/>
              </a:lnSpc>
              <a:spcBef>
                <a:spcPts val="0"/>
              </a:spcBef>
              <a:spcAft>
                <a:spcPts val="0"/>
              </a:spcAft>
              <a:buNone/>
              <a:defRPr sz="1400" b="1">
                <a:solidFill>
                  <a:schemeClr val="accent3"/>
                </a:solidFill>
                <a:latin typeface="+mn-lt"/>
              </a:defRPr>
            </a:lvl1pPr>
            <a:lvl2pPr marL="0" indent="0">
              <a:lnSpc>
                <a:spcPct val="100000"/>
              </a:lnSpc>
              <a:spcBef>
                <a:spcPts val="0"/>
              </a:spcBef>
              <a:spcAft>
                <a:spcPts val="0"/>
              </a:spcAft>
              <a:buNone/>
              <a:defRPr sz="1400" b="1">
                <a:solidFill>
                  <a:schemeClr val="accent3"/>
                </a:solidFill>
                <a:latin typeface="+mn-lt"/>
              </a:defRPr>
            </a:lvl2pPr>
            <a:lvl3pPr marL="0" indent="0">
              <a:lnSpc>
                <a:spcPct val="100000"/>
              </a:lnSpc>
              <a:spcBef>
                <a:spcPts val="0"/>
              </a:spcBef>
              <a:spcAft>
                <a:spcPts val="0"/>
              </a:spcAft>
              <a:buNone/>
              <a:defRPr sz="1400" b="1">
                <a:solidFill>
                  <a:schemeClr val="accent3"/>
                </a:solidFill>
                <a:latin typeface="+mn-lt"/>
              </a:defRPr>
            </a:lvl3pPr>
            <a:lvl4pPr marL="0">
              <a:lnSpc>
                <a:spcPct val="100000"/>
              </a:lnSpc>
              <a:spcBef>
                <a:spcPts val="0"/>
              </a:spcBef>
              <a:spcAft>
                <a:spcPts val="0"/>
              </a:spcAft>
              <a:buNone/>
              <a:defRPr sz="1400" b="1">
                <a:solidFill>
                  <a:schemeClr val="accent3"/>
                </a:solidFill>
                <a:latin typeface="+mn-lt"/>
              </a:defRPr>
            </a:lvl4pPr>
            <a:lvl5pPr marL="0">
              <a:lnSpc>
                <a:spcPct val="100000"/>
              </a:lnSpc>
              <a:spcBef>
                <a:spcPts val="0"/>
              </a:spcBef>
              <a:spcAft>
                <a:spcPts val="0"/>
              </a:spcAft>
              <a:buNone/>
              <a:defRPr sz="1400" b="1">
                <a:solidFill>
                  <a:schemeClr val="accent3"/>
                </a:solidFill>
                <a:latin typeface="+mn-lt"/>
              </a:defRPr>
            </a:lvl5pPr>
            <a:lvl6pPr marL="0" indent="0">
              <a:lnSpc>
                <a:spcPct val="100000"/>
              </a:lnSpc>
              <a:spcBef>
                <a:spcPts val="0"/>
              </a:spcBef>
              <a:spcAft>
                <a:spcPts val="0"/>
              </a:spcAft>
              <a:buNone/>
              <a:defRPr sz="1400" b="1">
                <a:solidFill>
                  <a:schemeClr val="accent3"/>
                </a:solidFill>
                <a:latin typeface="+mn-lt"/>
              </a:defRPr>
            </a:lvl6pPr>
            <a:lvl7pPr marL="0">
              <a:lnSpc>
                <a:spcPct val="100000"/>
              </a:lnSpc>
              <a:spcBef>
                <a:spcPts val="0"/>
              </a:spcBef>
              <a:spcAft>
                <a:spcPts val="0"/>
              </a:spcAft>
              <a:buNone/>
              <a:defRPr sz="1400" b="1">
                <a:solidFill>
                  <a:schemeClr val="accent3"/>
                </a:solidFill>
                <a:latin typeface="+mn-lt"/>
              </a:defRPr>
            </a:lvl7pPr>
            <a:lvl8pPr marL="0">
              <a:lnSpc>
                <a:spcPct val="100000"/>
              </a:lnSpc>
              <a:spcBef>
                <a:spcPts val="0"/>
              </a:spcBef>
              <a:spcAft>
                <a:spcPts val="0"/>
              </a:spcAft>
              <a:buNone/>
              <a:defRPr sz="1400" b="1">
                <a:solidFill>
                  <a:schemeClr val="accent3"/>
                </a:solidFill>
                <a:latin typeface="+mn-lt"/>
              </a:defRPr>
            </a:lvl8pPr>
            <a:lvl9pPr marL="0">
              <a:lnSpc>
                <a:spcPct val="100000"/>
              </a:lnSpc>
              <a:spcBef>
                <a:spcPts val="0"/>
              </a:spcBef>
              <a:spcAft>
                <a:spcPts val="0"/>
              </a:spcAft>
              <a:buNone/>
              <a:defRPr sz="1400" b="1">
                <a:solidFill>
                  <a:schemeClr val="accent3"/>
                </a:solidFill>
                <a:latin typeface="+mn-lt"/>
              </a:defRPr>
            </a:lvl9pPr>
          </a:lstStyle>
          <a:p>
            <a:pPr lvl="0"/>
            <a:r>
              <a:rPr lang="en-US" noProof="0" dirty="0"/>
              <a:t>Click to add date</a:t>
            </a:r>
            <a:endParaRPr lang="en-US" dirty="0"/>
          </a:p>
        </p:txBody>
      </p:sp>
      <p:sp>
        <p:nvSpPr>
          <p:cNvPr id="21" name="Content Placeholder 3">
            <a:extLst>
              <a:ext uri="{FF2B5EF4-FFF2-40B4-BE49-F238E27FC236}">
                <a16:creationId xmlns:a16="http://schemas.microsoft.com/office/drawing/2014/main" id="{105F744D-454F-875C-C169-BB0E4AFA4120}"/>
              </a:ext>
            </a:extLst>
          </p:cNvPr>
          <p:cNvSpPr>
            <a:spLocks noGrp="1"/>
          </p:cNvSpPr>
          <p:nvPr>
            <p:ph sz="half" idx="31" hasCustomPrompt="1"/>
          </p:nvPr>
        </p:nvSpPr>
        <p:spPr>
          <a:xfrm>
            <a:off x="9776463" y="3619893"/>
            <a:ext cx="2052000" cy="2128444"/>
          </a:xfr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p:txBody>
      </p:sp>
      <p:sp>
        <p:nvSpPr>
          <p:cNvPr id="11" name="Text Placeholder notes">
            <a:extLst>
              <a:ext uri="{FF2B5EF4-FFF2-40B4-BE49-F238E27FC236}">
                <a16:creationId xmlns:a16="http://schemas.microsoft.com/office/drawing/2014/main" id="{D52F9DB5-248F-47E7-A76C-76CB21AAC839}"/>
              </a:ext>
            </a:extLst>
          </p:cNvPr>
          <p:cNvSpPr>
            <a:spLocks noGrp="1"/>
          </p:cNvSpPr>
          <p:nvPr>
            <p:ph type="body" sz="quarter" idx="16" hasCustomPrompt="1"/>
          </p:nvPr>
        </p:nvSpPr>
        <p:spPr>
          <a:xfrm>
            <a:off x="360000" y="5749200"/>
            <a:ext cx="11468463" cy="288000"/>
          </a:xfrm>
        </p:spPr>
        <p:txBody>
          <a:bodyPr anchor="b"/>
          <a:lstStyle>
            <a:lvl1pPr marL="0" indent="0">
              <a:buNone/>
              <a:defRPr sz="900" i="1">
                <a:solidFill>
                  <a:schemeClr val="tx1"/>
                </a:solidFill>
              </a:defRPr>
            </a:lvl1pPr>
          </a:lstStyle>
          <a:p>
            <a:pPr lvl="0"/>
            <a:r>
              <a:rPr lang="en-US" dirty="0"/>
              <a:t>Insert notes</a:t>
            </a:r>
            <a:endParaRPr lang="en-US"/>
          </a:p>
        </p:txBody>
      </p:sp>
      <p:sp>
        <p:nvSpPr>
          <p:cNvPr id="5" name="Slide Number Placeholder 4">
            <a:extLst>
              <a:ext uri="{FF2B5EF4-FFF2-40B4-BE49-F238E27FC236}">
                <a16:creationId xmlns:a16="http://schemas.microsoft.com/office/drawing/2014/main" id="{6851CF2F-237F-3386-B5BD-1EC7AEBBF951}"/>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2" name="Date Placeholder 5">
            <a:extLst>
              <a:ext uri="{FF2B5EF4-FFF2-40B4-BE49-F238E27FC236}">
                <a16:creationId xmlns:a16="http://schemas.microsoft.com/office/drawing/2014/main" id="{472410F8-C824-92D8-55F5-C033EFA5DF1C}"/>
              </a:ext>
            </a:extLst>
          </p:cNvPr>
          <p:cNvSpPr>
            <a:spLocks noGrp="1"/>
          </p:cNvSpPr>
          <p:nvPr>
            <p:ph type="dt" sz="half" idx="13"/>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539304569"/>
      </p:ext>
    </p:extLst>
  </p:cSld>
  <p:clrMapOvr>
    <a:masterClrMapping/>
  </p:clrMapOvr>
  <p:extLst>
    <p:ext uri="{DCECCB84-F9BA-43D5-87BE-67443E8EF086}">
      <p15:sldGuideLst xmlns:p15="http://schemas.microsoft.com/office/powerpoint/2012/main">
        <p15:guide id="1" orient="horz" pos="335">
          <p15:clr>
            <a:srgbClr val="F26B43"/>
          </p15:clr>
        </p15:guide>
        <p15:guide id="2" orient="horz" pos="2031">
          <p15:clr>
            <a:srgbClr val="F26B43"/>
          </p15:clr>
        </p15:guide>
        <p15:guide id="3" orient="horz" pos="2280">
          <p15:clr>
            <a:srgbClr val="F26B43"/>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A. Infographic">
    <p:spTree>
      <p:nvGrpSpPr>
        <p:cNvPr id="1" name=""/>
        <p:cNvGrpSpPr/>
        <p:nvPr/>
      </p:nvGrpSpPr>
      <p:grpSpPr>
        <a:xfrm>
          <a:off x="0" y="0"/>
          <a:ext cx="0" cy="0"/>
          <a:chOff x="0" y="0"/>
          <a:chExt cx="0" cy="0"/>
        </a:xfrm>
      </p:grpSpPr>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bg1">
              <a:lumMod val="75000"/>
            </a:schemeClr>
          </a:solidFill>
        </p:spPr>
        <p:txBody>
          <a:bodyPr tIns="576000" anchor="ctr" anchorCtr="0"/>
          <a:lstStyle>
            <a:lvl1pPr marL="0" indent="0" algn="ctr">
              <a:buNone/>
              <a:defRPr sz="1600">
                <a:solidFill>
                  <a:schemeClr val="tx1"/>
                </a:solidFill>
              </a:defRPr>
            </a:lvl1pPr>
          </a:lstStyle>
          <a:p>
            <a:r>
              <a:rPr lang="en-US"/>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bwMode="invGray">
          <a:xfrm>
            <a:off x="360000" y="295199"/>
            <a:ext cx="4279377" cy="5453139"/>
          </a:xfrm>
          <a:prstGeom prst="roundRect">
            <a:avLst>
              <a:gd name="adj" fmla="val 10275"/>
            </a:avLst>
          </a:prstGeom>
          <a:solidFill>
            <a:srgbClr val="008F83"/>
          </a:solidFill>
        </p:spPr>
        <p:txBody>
          <a:bodyPr lIns="252000" tIns="324000" rIns="252000" bIns="1800000"/>
          <a:lstStyle>
            <a:lvl1pPr>
              <a:defRPr>
                <a:solidFill>
                  <a:schemeClr val="bg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bwMode="ltGray">
          <a:xfrm>
            <a:off x="360000" y="2261523"/>
            <a:ext cx="4280400" cy="3486816"/>
          </a:xfrm>
        </p:spPr>
        <p:txBody>
          <a:bodyPr lIns="396000" rIns="396000" bIns="360000"/>
          <a:lstStyle>
            <a:lvl1pPr>
              <a:defRPr>
                <a:solidFill>
                  <a:schemeClr val="bg2"/>
                </a:solidFill>
              </a:defRPr>
            </a:lvl1pPr>
            <a:lvl2pPr>
              <a:defRPr>
                <a:solidFill>
                  <a:schemeClr val="bg2"/>
                </a:solidFill>
              </a:defRPr>
            </a:lvl2pPr>
            <a:lvl3pPr>
              <a:defRPr>
                <a:solidFill>
                  <a:schemeClr val="bg2"/>
                </a:solidFill>
              </a:defRPr>
            </a:lvl3pPr>
            <a:lvl4pPr>
              <a:defRPr>
                <a:solidFill>
                  <a:schemeClr val="bg2"/>
                </a:solidFill>
              </a:defRPr>
            </a:lvl4pPr>
            <a:lvl5pPr>
              <a:defRPr>
                <a:solidFill>
                  <a:schemeClr val="bg2"/>
                </a:solidFill>
              </a:defRPr>
            </a:lvl5pPr>
            <a:lvl6pPr>
              <a:defRPr>
                <a:solidFill>
                  <a:schemeClr val="bg2"/>
                </a:solidFill>
              </a:defRPr>
            </a:lvl6pPr>
            <a:lvl7pPr>
              <a:defRPr>
                <a:solidFill>
                  <a:schemeClr val="bg2"/>
                </a:solidFill>
              </a:defRPr>
            </a:lvl7pPr>
            <a:lvl8pPr>
              <a:defRPr>
                <a:solidFill>
                  <a:schemeClr val="bg2"/>
                </a:solidFill>
              </a:defRPr>
            </a:lvl8pPr>
            <a:lvl9pPr>
              <a:defRPr>
                <a:solidFill>
                  <a:schemeClr val="bg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a:t>
            </a:r>
            <a:endParaRPr lang="en-US" dirty="0"/>
          </a:p>
        </p:txBody>
      </p:sp>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Date Placeholder 5">
            <a:extLst>
              <a:ext uri="{FF2B5EF4-FFF2-40B4-BE49-F238E27FC236}">
                <a16:creationId xmlns:a16="http://schemas.microsoft.com/office/drawing/2014/main" id="{A837CC8B-E210-3CB3-8280-C80C9885A42B}"/>
              </a:ext>
            </a:extLst>
          </p:cNvPr>
          <p:cNvSpPr>
            <a:spLocks noGrp="1"/>
          </p:cNvSpPr>
          <p:nvPr>
            <p:ph type="dt" sz="half" idx="15"/>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3210057113"/>
      </p:ext>
    </p:extLst>
  </p:cSld>
  <p:clrMapOvr>
    <a:masterClrMapping/>
  </p:clrMapOvr>
  <p:extLst>
    <p:ext uri="{DCECCB84-F9BA-43D5-87BE-67443E8EF086}">
      <p15:sldGuideLst xmlns:p15="http://schemas.microsoft.com/office/powerpoint/2012/main"/>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B. Infographic">
    <p:bg>
      <p:bgPr>
        <a:solidFill>
          <a:srgbClr val="035C67"/>
        </a:solidFill>
        <a:effectLst/>
      </p:bgPr>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B8CF5514-5626-5F17-2074-A1F0AB0AC691}"/>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a:xfrm>
            <a:off x="360000" y="295199"/>
            <a:ext cx="4279377" cy="5453139"/>
          </a:xfrm>
          <a:prstGeom prst="roundRect">
            <a:avLst>
              <a:gd name="adj" fmla="val 10275"/>
            </a:avLst>
          </a:prstGeom>
          <a:solidFill>
            <a:srgbClr val="3EFFC0"/>
          </a:solidFill>
        </p:spPr>
        <p:txBody>
          <a:bodyPr lIns="252000" tIns="324000" rIns="252000" bIns="1800000"/>
          <a:lstStyle>
            <a:lvl1pPr>
              <a:defRPr>
                <a:solidFill>
                  <a:schemeClr val="bg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a:xfrm>
            <a:off x="360000" y="2261523"/>
            <a:ext cx="4280400" cy="3486816"/>
          </a:xfrm>
        </p:spPr>
        <p:txBody>
          <a:bodyPr lIns="396000" rIns="396000" bIns="360000"/>
          <a:lstStyle>
            <a:lvl1pPr>
              <a:defRPr>
                <a:solidFill>
                  <a:schemeClr val="bg2"/>
                </a:solidFill>
              </a:defRPr>
            </a:lvl1pPr>
            <a:lvl2pPr>
              <a:defRPr>
                <a:solidFill>
                  <a:schemeClr val="bg2"/>
                </a:solidFill>
              </a:defRPr>
            </a:lvl2pPr>
            <a:lvl3pPr>
              <a:defRPr>
                <a:solidFill>
                  <a:schemeClr val="bg2"/>
                </a:solidFill>
              </a:defRPr>
            </a:lvl3pPr>
            <a:lvl4pPr>
              <a:defRPr>
                <a:solidFill>
                  <a:schemeClr val="bg2"/>
                </a:solidFill>
              </a:defRPr>
            </a:lvl4pPr>
            <a:lvl5pPr>
              <a:defRPr>
                <a:solidFill>
                  <a:schemeClr val="bg2"/>
                </a:solidFill>
              </a:defRPr>
            </a:lvl5pPr>
            <a:lvl6pPr>
              <a:defRPr>
                <a:solidFill>
                  <a:schemeClr val="bg2"/>
                </a:solidFill>
              </a:defRPr>
            </a:lvl6pPr>
            <a:lvl7pPr>
              <a:defRPr>
                <a:solidFill>
                  <a:schemeClr val="bg2"/>
                </a:solidFill>
              </a:defRPr>
            </a:lvl7pPr>
            <a:lvl8pPr>
              <a:defRPr>
                <a:solidFill>
                  <a:schemeClr val="bg2"/>
                </a:solidFill>
              </a:defRPr>
            </a:lvl8pPr>
            <a:lvl9pPr>
              <a:defRPr>
                <a:solidFill>
                  <a:schemeClr val="bg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a:t>
            </a:r>
            <a:endParaRPr lang="en-US" dirty="0"/>
          </a:p>
        </p:txBody>
      </p:sp>
      <p:sp>
        <p:nvSpPr>
          <p:cNvPr id="10" name="Legal dynamic" descr="{&quot;templafy&quot;:{&quot;id&quot;:&quot;71d7638c-a434-42ad-a9d5-f3e8d87d23d2&quot;}}" title="Form.Cigna_Confidentiality.EvernorthConfidentiality">
            <a:extLst>
              <a:ext uri="{FF2B5EF4-FFF2-40B4-BE49-F238E27FC236}">
                <a16:creationId xmlns:a16="http://schemas.microsoft.com/office/drawing/2014/main" id="{4A44FDEE-8EA7-92A6-B9A0-0A2D8A90139F}"/>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1" name="Internal Stamp dynamic" descr="{&quot;templafy&quot;:{&quot;id&quot;:&quot;d7b45119-f2a0-4447-955d-1ff181631fc6&quot;}}" title="Form.Cigna_Confidentiality.Cigna_confidentiality">
            <a:extLst>
              <a:ext uri="{FF2B5EF4-FFF2-40B4-BE49-F238E27FC236}">
                <a16:creationId xmlns:a16="http://schemas.microsoft.com/office/drawing/2014/main" id="{FAED2556-4223-074A-264C-10716C55E8E6}"/>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783642554" name="Dynamic logo hypermint" descr="{&quot;templafy&quot;:{&quot;id&quot;:&quot;d302369b-15b3-430a-95e5-286a9c62ea29&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5" name="Date Placeholder 5">
            <a:extLst>
              <a:ext uri="{FF2B5EF4-FFF2-40B4-BE49-F238E27FC236}">
                <a16:creationId xmlns:a16="http://schemas.microsoft.com/office/drawing/2014/main" id="{7D45F92F-E2A8-D83F-FF28-9352FED34203}"/>
              </a:ext>
            </a:extLst>
          </p:cNvPr>
          <p:cNvSpPr>
            <a:spLocks noGrp="1"/>
          </p:cNvSpPr>
          <p:nvPr>
            <p:ph type="dt" sz="half" idx="15"/>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39856015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C. Infographic">
    <p:bg>
      <p:bgPr>
        <a:solidFill>
          <a:srgbClr val="035C67"/>
        </a:solidFill>
        <a:effectLst/>
      </p:bgPr>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B8CF5514-5626-5F17-2074-A1F0AB0AC691}"/>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a:xfrm>
            <a:off x="360000" y="295199"/>
            <a:ext cx="4279377" cy="5453139"/>
          </a:xfrm>
          <a:prstGeom prst="roundRect">
            <a:avLst>
              <a:gd name="adj" fmla="val 10275"/>
            </a:avLst>
          </a:prstGeom>
          <a:solidFill>
            <a:schemeClr val="tx2"/>
          </a:solidFill>
        </p:spPr>
        <p:txBody>
          <a:bodyPr lIns="252000" tIns="324000" rIns="252000" bIns="1800000"/>
          <a:lstStyle>
            <a:lvl1pPr>
              <a:defRPr>
                <a:solidFill>
                  <a:schemeClr val="bg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a:xfrm>
            <a:off x="360000" y="2261523"/>
            <a:ext cx="4280400" cy="3486816"/>
          </a:xfrm>
        </p:spPr>
        <p:txBody>
          <a:bodyPr lIns="396000" rIns="396000" bIns="360000"/>
          <a:lstStyle>
            <a:lvl1pPr>
              <a:defRPr>
                <a:solidFill>
                  <a:schemeClr val="bg2"/>
                </a:solidFill>
              </a:defRPr>
            </a:lvl1pPr>
            <a:lvl2pPr>
              <a:defRPr>
                <a:solidFill>
                  <a:schemeClr val="bg2"/>
                </a:solidFill>
              </a:defRPr>
            </a:lvl2pPr>
            <a:lvl3pPr>
              <a:defRPr>
                <a:solidFill>
                  <a:schemeClr val="bg2"/>
                </a:solidFill>
              </a:defRPr>
            </a:lvl3pPr>
            <a:lvl4pPr>
              <a:defRPr>
                <a:solidFill>
                  <a:schemeClr val="bg2"/>
                </a:solidFill>
              </a:defRPr>
            </a:lvl4pPr>
            <a:lvl5pPr>
              <a:defRPr>
                <a:solidFill>
                  <a:schemeClr val="bg2"/>
                </a:solidFill>
              </a:defRPr>
            </a:lvl5pPr>
            <a:lvl6pPr>
              <a:defRPr>
                <a:solidFill>
                  <a:schemeClr val="bg2"/>
                </a:solidFill>
              </a:defRPr>
            </a:lvl6pPr>
            <a:lvl7pPr>
              <a:defRPr>
                <a:solidFill>
                  <a:schemeClr val="bg2"/>
                </a:solidFill>
              </a:defRPr>
            </a:lvl7pPr>
            <a:lvl8pPr>
              <a:defRPr>
                <a:solidFill>
                  <a:schemeClr val="bg2"/>
                </a:solidFill>
              </a:defRPr>
            </a:lvl8pPr>
            <a:lvl9pPr>
              <a:defRPr>
                <a:solidFill>
                  <a:schemeClr val="bg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a:t>
            </a:r>
            <a:endParaRPr lang="en-US" dirty="0"/>
          </a:p>
        </p:txBody>
      </p:sp>
      <p:sp>
        <p:nvSpPr>
          <p:cNvPr id="10" name="Legal dynamic" descr="{&quot;templafy&quot;:{&quot;id&quot;:&quot;dd524960-1af4-458e-b2c0-f3e6412e3303&quot;}}" title="Form.Cigna_Confidentiality.EvernorthConfidentiality">
            <a:extLst>
              <a:ext uri="{FF2B5EF4-FFF2-40B4-BE49-F238E27FC236}">
                <a16:creationId xmlns:a16="http://schemas.microsoft.com/office/drawing/2014/main" id="{4A44FDEE-8EA7-92A6-B9A0-0A2D8A90139F}"/>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1" name="Internal Stamp dynamic" descr="{&quot;templafy&quot;:{&quot;id&quot;:&quot;1b21c0af-6f7b-4b73-a298-0c261810f35d&quot;}}" title="Form.Cigna_Confidentiality.Cigna_confidentiality">
            <a:extLst>
              <a:ext uri="{FF2B5EF4-FFF2-40B4-BE49-F238E27FC236}">
                <a16:creationId xmlns:a16="http://schemas.microsoft.com/office/drawing/2014/main" id="{FAED2556-4223-074A-264C-10716C55E8E6}"/>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4020202020204" pitchFamily="34" charset="0"/>
              <a:ea typeface="+mn-ea"/>
              <a:cs typeface="+mn-cs"/>
            </a:endParaRPr>
          </a:p>
        </p:txBody>
      </p:sp>
      <p:pic>
        <p:nvPicPr>
          <p:cNvPr id="1971624348" name="Dynamic logo hypermint" descr="{&quot;templafy&quot;:{&quot;id&quot;:&quot;e535d8f6-c77c-42e2-a445-251f582b7972&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8AE6A719-7BCC-199A-A51D-E3DB94C65102}"/>
              </a:ext>
            </a:extLst>
          </p:cNvPr>
          <p:cNvSpPr>
            <a:spLocks noGrp="1"/>
          </p:cNvSpPr>
          <p:nvPr>
            <p:ph type="dt" sz="half" idx="15"/>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59373870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D. Infographic">
    <p:bg>
      <p:bgPr>
        <a:solidFill>
          <a:srgbClr val="3EFFC0"/>
        </a:solidFill>
        <a:effectLst/>
      </p:bgPr>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B8CF5514-5626-5F17-2074-A1F0AB0AC691}"/>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a:xfrm>
            <a:off x="360000" y="295199"/>
            <a:ext cx="4279377" cy="5453139"/>
          </a:xfrm>
          <a:prstGeom prst="roundRect">
            <a:avLst>
              <a:gd name="adj" fmla="val 10275"/>
            </a:avLst>
          </a:prstGeom>
          <a:solidFill>
            <a:srgbClr val="035C67"/>
          </a:solidFill>
        </p:spPr>
        <p:txBody>
          <a:bodyPr lIns="252000" tIns="324000" rIns="252000" bIns="1800000"/>
          <a:lstStyle>
            <a:lvl1pPr>
              <a:defRPr>
                <a:solidFill>
                  <a:schemeClr val="tx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a:xfrm>
            <a:off x="360000" y="2261523"/>
            <a:ext cx="4280400" cy="3486816"/>
          </a:xfrm>
        </p:spPr>
        <p:txBody>
          <a:bodyPr lIns="396000" rIns="396000" bIns="360000"/>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a:t>
            </a:r>
            <a:endParaRPr lang="en-US" dirty="0"/>
          </a:p>
        </p:txBody>
      </p:sp>
      <p:sp>
        <p:nvSpPr>
          <p:cNvPr id="10" name="Legal dynamic" descr="{&quot;templafy&quot;:{&quot;id&quot;:&quot;31c61128-65e5-49ed-a961-6d1646ca5bf2&quot;}}" title="Form.Cigna_Confidentiality.EvernorthConfidentiality">
            <a:extLst>
              <a:ext uri="{FF2B5EF4-FFF2-40B4-BE49-F238E27FC236}">
                <a16:creationId xmlns:a16="http://schemas.microsoft.com/office/drawing/2014/main" id="{4A44FDEE-8EA7-92A6-B9A0-0A2D8A90139F}"/>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1" name="Internal Stamp dynamic" descr="{&quot;templafy&quot;:{&quot;id&quot;:&quot;c48e1efa-eb92-4297-9842-80c17bbdd679&quot;}}" title="Form.Cigna_Confidentiality.Cigna_confidentiality">
            <a:extLst>
              <a:ext uri="{FF2B5EF4-FFF2-40B4-BE49-F238E27FC236}">
                <a16:creationId xmlns:a16="http://schemas.microsoft.com/office/drawing/2014/main" id="{FAED2556-4223-074A-264C-10716C55E8E6}"/>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723533856" name="Dynamic logo dark mint" descr="{&quot;templafy&quot;:{&quot;id&quot;:&quot;50c23a9f-f56f-4b97-8ec0-609652fdf40d&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E9DE4B5B-7EEA-B431-4944-D618326CB5C4}"/>
              </a:ext>
            </a:extLst>
          </p:cNvPr>
          <p:cNvSpPr>
            <a:spLocks noGrp="1"/>
          </p:cNvSpPr>
          <p:nvPr>
            <p:ph type="dt" sz="half" idx="15"/>
          </p:nvPr>
        </p:nvSpPr>
        <p:spPr>
          <a:xfrm>
            <a:off x="10630800" y="6364800"/>
            <a:ext cx="691200" cy="180000"/>
          </a:xfrm>
        </p:spPr>
        <p:txBody>
          <a:bodyPr/>
          <a:lstStyle>
            <a:lvl1pPr>
              <a:defRPr>
                <a:solidFill>
                  <a:srgbClr val="035C67"/>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26499229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 Cover">
    <p:bg bwMode="ltGray">
      <p:bgPr>
        <a:solidFill>
          <a:schemeClr val="tx1"/>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8" name="Picture 7" descr="A person looking at a cell phone&#10;&#10;Description automatically generated">
            <a:extLst>
              <a:ext uri="{FF2B5EF4-FFF2-40B4-BE49-F238E27FC236}">
                <a16:creationId xmlns:a16="http://schemas.microsoft.com/office/drawing/2014/main" id="{FCE1784D-AC37-CB9A-2D85-F1E62342ABBD}"/>
              </a:ext>
            </a:extLst>
          </p:cNvPr>
          <p:cNvPicPr>
            <a:picLocks noChangeAspect="1"/>
          </p:cNvPicPr>
          <p:nvPr userDrawn="1"/>
        </p:nvPicPr>
        <p:blipFill rotWithShape="1">
          <a:blip r:embed="rId2" cstate="email">
            <a:alphaModFix/>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17" name="Graphic">
            <a:extLst>
              <a:ext uri="{FF2B5EF4-FFF2-40B4-BE49-F238E27FC236}">
                <a16:creationId xmlns:a16="http://schemas.microsoft.com/office/drawing/2014/main" id="{2D32B9E0-AECD-F5E4-582D-93E292EB3F0B}"/>
              </a:ext>
            </a:extLst>
          </p:cNvPr>
          <p:cNvSpPr/>
          <p:nvPr userDrawn="1"/>
        </p:nvSpPr>
        <p:spPr>
          <a:xfrm>
            <a:off x="358775" y="358775"/>
            <a:ext cx="11469688" cy="6138000"/>
          </a:xfrm>
          <a:custGeom>
            <a:avLst/>
            <a:gdLst>
              <a:gd name="connsiteX0" fmla="*/ 8117764 w 11469688"/>
              <a:gd name="connsiteY0" fmla="*/ 532822 h 6138000"/>
              <a:gd name="connsiteX1" fmla="*/ 7810298 w 11469688"/>
              <a:gd name="connsiteY1" fmla="*/ 840285 h 6138000"/>
              <a:gd name="connsiteX2" fmla="*/ 7810298 w 11469688"/>
              <a:gd name="connsiteY2" fmla="*/ 1839636 h 6138000"/>
              <a:gd name="connsiteX3" fmla="*/ 7579668 w 11469688"/>
              <a:gd name="connsiteY3" fmla="*/ 2070265 h 6138000"/>
              <a:gd name="connsiteX4" fmla="*/ 6580310 w 11469688"/>
              <a:gd name="connsiteY4" fmla="*/ 2070265 h 6138000"/>
              <a:gd name="connsiteX5" fmla="*/ 6272844 w 11469688"/>
              <a:gd name="connsiteY5" fmla="*/ 2377728 h 6138000"/>
              <a:gd name="connsiteX6" fmla="*/ 6272844 w 11469688"/>
              <a:gd name="connsiteY6" fmla="*/ 3300118 h 6138000"/>
              <a:gd name="connsiteX7" fmla="*/ 6580310 w 11469688"/>
              <a:gd name="connsiteY7" fmla="*/ 3607581 h 6138000"/>
              <a:gd name="connsiteX8" fmla="*/ 7579668 w 11469688"/>
              <a:gd name="connsiteY8" fmla="*/ 3607581 h 6138000"/>
              <a:gd name="connsiteX9" fmla="*/ 7810298 w 11469688"/>
              <a:gd name="connsiteY9" fmla="*/ 3838210 h 6138000"/>
              <a:gd name="connsiteX10" fmla="*/ 7810298 w 11469688"/>
              <a:gd name="connsiteY10" fmla="*/ 4837561 h 6138000"/>
              <a:gd name="connsiteX11" fmla="*/ 8117764 w 11469688"/>
              <a:gd name="connsiteY11" fmla="*/ 5145024 h 6138000"/>
              <a:gd name="connsiteX12" fmla="*/ 9040160 w 11469688"/>
              <a:gd name="connsiteY12" fmla="*/ 5145024 h 6138000"/>
              <a:gd name="connsiteX13" fmla="*/ 9347625 w 11469688"/>
              <a:gd name="connsiteY13" fmla="*/ 4837561 h 6138000"/>
              <a:gd name="connsiteX14" fmla="*/ 9347625 w 11469688"/>
              <a:gd name="connsiteY14" fmla="*/ 3838210 h 6138000"/>
              <a:gd name="connsiteX15" fmla="*/ 9578256 w 11469688"/>
              <a:gd name="connsiteY15" fmla="*/ 3607581 h 6138000"/>
              <a:gd name="connsiteX16" fmla="*/ 10577614 w 11469688"/>
              <a:gd name="connsiteY16" fmla="*/ 3607581 h 6138000"/>
              <a:gd name="connsiteX17" fmla="*/ 10885079 w 11469688"/>
              <a:gd name="connsiteY17" fmla="*/ 3300118 h 6138000"/>
              <a:gd name="connsiteX18" fmla="*/ 10885079 w 11469688"/>
              <a:gd name="connsiteY18" fmla="*/ 2377728 h 6138000"/>
              <a:gd name="connsiteX19" fmla="*/ 10577614 w 11469688"/>
              <a:gd name="connsiteY19" fmla="*/ 2070265 h 6138000"/>
              <a:gd name="connsiteX20" fmla="*/ 9578256 w 11469688"/>
              <a:gd name="connsiteY20" fmla="*/ 2070265 h 6138000"/>
              <a:gd name="connsiteX21" fmla="*/ 9347625 w 11469688"/>
              <a:gd name="connsiteY21" fmla="*/ 1839636 h 6138000"/>
              <a:gd name="connsiteX22" fmla="*/ 9347625 w 11469688"/>
              <a:gd name="connsiteY22" fmla="*/ 840285 h 6138000"/>
              <a:gd name="connsiteX23" fmla="*/ 9040160 w 11469688"/>
              <a:gd name="connsiteY23" fmla="*/ 532822 h 6138000"/>
              <a:gd name="connsiteX24" fmla="*/ 449486 w 11469688"/>
              <a:gd name="connsiteY24" fmla="*/ 0 h 6138000"/>
              <a:gd name="connsiteX25" fmla="*/ 11020202 w 11469688"/>
              <a:gd name="connsiteY25" fmla="*/ 0 h 6138000"/>
              <a:gd name="connsiteX26" fmla="*/ 11469688 w 11469688"/>
              <a:gd name="connsiteY26" fmla="*/ 449486 h 6138000"/>
              <a:gd name="connsiteX27" fmla="*/ 11469688 w 11469688"/>
              <a:gd name="connsiteY27" fmla="*/ 5688514 h 6138000"/>
              <a:gd name="connsiteX28" fmla="*/ 11020202 w 11469688"/>
              <a:gd name="connsiteY28" fmla="*/ 6138000 h 6138000"/>
              <a:gd name="connsiteX29" fmla="*/ 449486 w 11469688"/>
              <a:gd name="connsiteY29" fmla="*/ 6138000 h 6138000"/>
              <a:gd name="connsiteX30" fmla="*/ 0 w 11469688"/>
              <a:gd name="connsiteY30" fmla="*/ 5688514 h 6138000"/>
              <a:gd name="connsiteX31" fmla="*/ 0 w 11469688"/>
              <a:gd name="connsiteY31" fmla="*/ 449486 h 6138000"/>
              <a:gd name="connsiteX32" fmla="*/ 449486 w 11469688"/>
              <a:gd name="connsiteY32" fmla="*/ 0 h 613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469688" h="6138000">
                <a:moveTo>
                  <a:pt x="8117764" y="532822"/>
                </a:moveTo>
                <a:cubicBezTo>
                  <a:pt x="7947966" y="532822"/>
                  <a:pt x="7810298" y="670488"/>
                  <a:pt x="7810298" y="840285"/>
                </a:cubicBezTo>
                <a:lnTo>
                  <a:pt x="7810298" y="1839636"/>
                </a:lnTo>
                <a:cubicBezTo>
                  <a:pt x="7810298" y="1967015"/>
                  <a:pt x="7707048" y="2070265"/>
                  <a:pt x="7579668" y="2070265"/>
                </a:cubicBezTo>
                <a:lnTo>
                  <a:pt x="6580310" y="2070265"/>
                </a:lnTo>
                <a:cubicBezTo>
                  <a:pt x="6410512" y="2070265"/>
                  <a:pt x="6272844" y="2207931"/>
                  <a:pt x="6272844" y="2377728"/>
                </a:cubicBezTo>
                <a:lnTo>
                  <a:pt x="6272844" y="3300118"/>
                </a:lnTo>
                <a:cubicBezTo>
                  <a:pt x="6272844" y="3469915"/>
                  <a:pt x="6410512" y="3607581"/>
                  <a:pt x="6580310" y="3607581"/>
                </a:cubicBezTo>
                <a:lnTo>
                  <a:pt x="7579668" y="3607581"/>
                </a:lnTo>
                <a:cubicBezTo>
                  <a:pt x="7707048" y="3607581"/>
                  <a:pt x="7810298" y="3710831"/>
                  <a:pt x="7810298" y="3838210"/>
                </a:cubicBezTo>
                <a:lnTo>
                  <a:pt x="7810298" y="4837561"/>
                </a:lnTo>
                <a:cubicBezTo>
                  <a:pt x="7810298" y="5007358"/>
                  <a:pt x="7947966" y="5145024"/>
                  <a:pt x="8117764" y="5145024"/>
                </a:cubicBezTo>
                <a:lnTo>
                  <a:pt x="9040160" y="5145024"/>
                </a:lnTo>
                <a:cubicBezTo>
                  <a:pt x="9209958" y="5145024"/>
                  <a:pt x="9347625" y="5007358"/>
                  <a:pt x="9347625" y="4837561"/>
                </a:cubicBezTo>
                <a:lnTo>
                  <a:pt x="9347625" y="3838210"/>
                </a:lnTo>
                <a:cubicBezTo>
                  <a:pt x="9347625" y="3710831"/>
                  <a:pt x="9450876" y="3607581"/>
                  <a:pt x="9578256" y="3607581"/>
                </a:cubicBezTo>
                <a:lnTo>
                  <a:pt x="10577614" y="3607581"/>
                </a:lnTo>
                <a:cubicBezTo>
                  <a:pt x="10747412" y="3607581"/>
                  <a:pt x="10885079" y="3469915"/>
                  <a:pt x="10885079" y="3300118"/>
                </a:cubicBezTo>
                <a:lnTo>
                  <a:pt x="10885079" y="2377728"/>
                </a:lnTo>
                <a:cubicBezTo>
                  <a:pt x="10885079" y="2207931"/>
                  <a:pt x="10747412" y="2070265"/>
                  <a:pt x="10577614" y="2070265"/>
                </a:cubicBezTo>
                <a:lnTo>
                  <a:pt x="9578256" y="2070265"/>
                </a:lnTo>
                <a:cubicBezTo>
                  <a:pt x="9450876" y="2070265"/>
                  <a:pt x="9347625" y="1967015"/>
                  <a:pt x="9347625" y="1839636"/>
                </a:cubicBezTo>
                <a:lnTo>
                  <a:pt x="9347625" y="840285"/>
                </a:lnTo>
                <a:cubicBezTo>
                  <a:pt x="9347625" y="670488"/>
                  <a:pt x="9209958" y="532822"/>
                  <a:pt x="9040160" y="532822"/>
                </a:cubicBezTo>
                <a:close/>
                <a:moveTo>
                  <a:pt x="449486" y="0"/>
                </a:moveTo>
                <a:lnTo>
                  <a:pt x="11020202" y="0"/>
                </a:lnTo>
                <a:cubicBezTo>
                  <a:pt x="11268446" y="0"/>
                  <a:pt x="11469688" y="201242"/>
                  <a:pt x="11469688" y="449486"/>
                </a:cubicBezTo>
                <a:lnTo>
                  <a:pt x="11469688" y="5688514"/>
                </a:lnTo>
                <a:cubicBezTo>
                  <a:pt x="11469688" y="5936758"/>
                  <a:pt x="11268446" y="6138000"/>
                  <a:pt x="11020202" y="6138000"/>
                </a:cubicBezTo>
                <a:lnTo>
                  <a:pt x="449486" y="6138000"/>
                </a:lnTo>
                <a:cubicBezTo>
                  <a:pt x="201242" y="6138000"/>
                  <a:pt x="0" y="5936758"/>
                  <a:pt x="0" y="5688514"/>
                </a:cubicBezTo>
                <a:lnTo>
                  <a:pt x="0" y="449486"/>
                </a:lnTo>
                <a:cubicBezTo>
                  <a:pt x="0" y="201242"/>
                  <a:pt x="201242" y="0"/>
                  <a:pt x="449486" y="0"/>
                </a:cubicBez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 name="Title 1"/>
          <p:cNvSpPr>
            <a:spLocks noGrp="1"/>
          </p:cNvSpPr>
          <p:nvPr>
            <p:ph type="ctrTitle" hasCustomPrompt="1"/>
          </p:nvPr>
        </p:nvSpPr>
        <p:spPr bwMode="white">
          <a:xfrm>
            <a:off x="841248" y="1450800"/>
            <a:ext cx="5165852"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bwMode="white">
          <a:xfrm>
            <a:off x="841248" y="3654000"/>
            <a:ext cx="5165852" cy="1728000"/>
          </a:xfrm>
        </p:spPr>
        <p:txBody>
          <a:bodyPr/>
          <a:lstStyle>
            <a:lvl1pPr marL="0" indent="0">
              <a:lnSpc>
                <a:spcPct val="105000"/>
              </a:lnSpc>
              <a:buNone/>
              <a:defRPr sz="2200">
                <a:solidFill>
                  <a:srgbClr val="002F3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5" name="Legal dynamic" descr="{&quot;templafy&quot;:{&quot;id&quot;:&quot;d1cfb21c-9d05-4564-a81b-1b706aa2cb54&quot;}}" title="Form.Cigna_Confidentiality.EvernorthConfidentiality">
            <a:extLst>
              <a:ext uri="{FF2B5EF4-FFF2-40B4-BE49-F238E27FC236}">
                <a16:creationId xmlns:a16="http://schemas.microsoft.com/office/drawing/2014/main" id="{9F01B46A-535C-85FD-CBBA-B7D9FD817E62}"/>
              </a:ext>
            </a:extLst>
          </p:cNvPr>
          <p:cNvSpPr/>
          <p:nvPr userDrawn="1"/>
        </p:nvSpPr>
        <p:spPr bwMode="white">
          <a:xfrm>
            <a:off x="5430786" y="5903806"/>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Confidential, unpublished property of Evernorth Health Services. Do not duplicate or distribute. Use and distribution limited solely to authorized personnel. © 2024 Evernorth Health Services.</a:t>
            </a:r>
          </a:p>
        </p:txBody>
      </p:sp>
      <p:sp>
        <p:nvSpPr>
          <p:cNvPr id="16" name="Internal Stamp dynamic" descr="{&quot;templafy&quot;:{&quot;id&quot;:&quot;2cb7d885-0411-4413-8699-7521172b5d01&quot;}}" title="Form.Cigna_Confidentiality.Cigna_confidentiality">
            <a:extLst>
              <a:ext uri="{FF2B5EF4-FFF2-40B4-BE49-F238E27FC236}">
                <a16:creationId xmlns:a16="http://schemas.microsoft.com/office/drawing/2014/main" id="{CC8FB2CC-F10A-4F4F-8F20-94D3B3E328E4}"/>
              </a:ext>
            </a:extLst>
          </p:cNvPr>
          <p:cNvSpPr/>
          <p:nvPr userDrawn="1"/>
        </p:nvSpPr>
        <p:spPr bwMode="white">
          <a:xfrm>
            <a:off x="3096000" y="5903806"/>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2045862710" name="Dynamic logo hypermint" descr="{&quot;templafy&quot;:{&quot;id&quot;:&quot;2167cb3c-1139-4b10-b3ba-63d0baf6f087&quot;}}"/>
          <p:cNvPicPr>
            <a:picLocks noChangeAspect="1"/>
          </p:cNvPicPr>
          <p:nvPr/>
        </p:nvPicPr>
        <p:blipFill>
          <a:blip r:embed="rId3"/>
          <a:stretch>
            <a:fillRect/>
          </a:stretch>
        </p:blipFill>
        <p:spPr>
          <a:xfrm>
            <a:off x="820800" y="5569200"/>
            <a:ext cx="2145600" cy="756000"/>
          </a:xfrm>
          <a:prstGeom prst="rect">
            <a:avLst/>
          </a:prstGeom>
        </p:spPr>
      </p:pic>
      <p:sp>
        <p:nvSpPr>
          <p:cNvPr id="3" name="Legal dynamic" descr="{&quot;templafy&quot;:{&quot;id&quot;:&quot;d7161672-9744-49c5-8d55-bfcf89853081&quot;}}" title="Form.Cigna_Confidentiality.EvernorthConfidentiality">
            <a:extLst>
              <a:ext uri="{FF2B5EF4-FFF2-40B4-BE49-F238E27FC236}">
                <a16:creationId xmlns:a16="http://schemas.microsoft.com/office/drawing/2014/main" id="{E3E168DE-3666-A75F-7A99-B99860A3FA72}"/>
              </a:ext>
            </a:extLst>
          </p:cNvPr>
          <p:cNvSpPr/>
          <p:nvPr userDrawn="1"/>
        </p:nvSpPr>
        <p:spPr>
          <a:xfrm>
            <a:off x="5430786" y="5903806"/>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7" name="Internal Stamp dynamic" descr="{&quot;templafy&quot;:{&quot;id&quot;:&quot;34a9c2b9-824d-4e18-9dd1-a202c1bc47bf&quot;}}" title="Form.Cigna_Confidentiality.Cigna_confidentiality">
            <a:extLst>
              <a:ext uri="{FF2B5EF4-FFF2-40B4-BE49-F238E27FC236}">
                <a16:creationId xmlns:a16="http://schemas.microsoft.com/office/drawing/2014/main" id="{87ED3EC6-8CD5-8F56-5A1E-4519922DB82A}"/>
              </a:ext>
            </a:extLst>
          </p:cNvPr>
          <p:cNvSpPr/>
          <p:nvPr userDrawn="1"/>
        </p:nvSpPr>
        <p:spPr>
          <a:xfrm>
            <a:off x="3096000" y="5903806"/>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508237698" name="Dynamic logo dark mint" descr="{&quot;templafy&quot;:{&quot;id&quot;:&quot;628d995b-5146-49ac-b5f3-c4f24497391a&quot;}}"/>
          <p:cNvPicPr>
            <a:picLocks noChangeAspect="1"/>
          </p:cNvPicPr>
          <p:nvPr/>
        </p:nvPicPr>
        <p:blipFill>
          <a:blip r:embed="rId4"/>
          <a:stretch>
            <a:fillRect/>
          </a:stretch>
        </p:blipFill>
        <p:spPr>
          <a:xfrm>
            <a:off x="820800" y="5569200"/>
            <a:ext cx="2145600" cy="756000"/>
          </a:xfrm>
          <a:prstGeom prst="rect">
            <a:avLst/>
          </a:prstGeom>
        </p:spPr>
      </p:pic>
      <p:sp>
        <p:nvSpPr>
          <p:cNvPr id="12" name="Slide Number Placeholder 12">
            <a:extLst>
              <a:ext uri="{FF2B5EF4-FFF2-40B4-BE49-F238E27FC236}">
                <a16:creationId xmlns:a16="http://schemas.microsoft.com/office/drawing/2014/main" id="{2D5D4697-45A6-57B0-E6E5-C64E11CA7C78}"/>
              </a:ext>
            </a:extLst>
          </p:cNvPr>
          <p:cNvSpPr>
            <a:spLocks noGrp="1"/>
          </p:cNvSpPr>
          <p:nvPr>
            <p:ph type="sldNum" sz="quarter" idx="16"/>
          </p:nvPr>
        </p:nvSpPr>
        <p:spPr>
          <a:xfrm>
            <a:off x="11068880" y="6051600"/>
            <a:ext cx="266400" cy="180000"/>
          </a:xfrm>
        </p:spPr>
        <p:txBody>
          <a:bodyPr/>
          <a:lstStyle>
            <a:lvl1pPr>
              <a:defRPr>
                <a:solidFill>
                  <a:srgbClr val="035C67"/>
                </a:solidFill>
              </a:defRPr>
            </a:lvl1pPr>
          </a:lstStyle>
          <a:p>
            <a:fld id="{23AA811B-2EBD-4900-905E-5BE206449611}" type="slidenum">
              <a:rPr lang="en-US" smtClean="0"/>
              <a:pPr/>
              <a:t>‹#›</a:t>
            </a:fld>
            <a:endParaRPr lang="en-US" dirty="0"/>
          </a:p>
        </p:txBody>
      </p:sp>
      <p:sp>
        <p:nvSpPr>
          <p:cNvPr id="5" name="Date Placeholder 2">
            <a:extLst>
              <a:ext uri="{FF2B5EF4-FFF2-40B4-BE49-F238E27FC236}">
                <a16:creationId xmlns:a16="http://schemas.microsoft.com/office/drawing/2014/main" id="{14A243D9-8BEB-8E47-29FB-242B56D7C754}"/>
              </a:ext>
            </a:extLst>
          </p:cNvPr>
          <p:cNvSpPr>
            <a:spLocks noGrp="1"/>
          </p:cNvSpPr>
          <p:nvPr>
            <p:ph type="dt" sz="half" idx="17"/>
          </p:nvPr>
        </p:nvSpPr>
        <p:spPr>
          <a:xfrm>
            <a:off x="10141200" y="6051600"/>
            <a:ext cx="691200" cy="180000"/>
          </a:xfrm>
        </p:spPr>
        <p:txBody>
          <a:bodyPr/>
          <a:lstStyle>
            <a:lvl1pPr>
              <a:defRPr>
                <a:solidFill>
                  <a:srgbClr val="035C67"/>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03958028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300" userDrawn="1">
          <p15:clr>
            <a:srgbClr val="F26B43"/>
          </p15:clr>
        </p15:guide>
        <p15:guide id="2" orient="horz" pos="2064" userDrawn="1">
          <p15:clr>
            <a:srgbClr val="F26B43"/>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E. Infographic">
    <p:bg>
      <p:bgRef idx="1001">
        <a:schemeClr val="bg1"/>
      </p:bgRef>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B8CF5514-5626-5F17-2074-A1F0AB0AC691}"/>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7" name="Picture Placeholder 3">
            <a:extLst>
              <a:ext uri="{FF2B5EF4-FFF2-40B4-BE49-F238E27FC236}">
                <a16:creationId xmlns:a16="http://schemas.microsoft.com/office/drawing/2014/main" id="{62650EA4-809A-0701-39F8-766C84DCBE52}"/>
              </a:ext>
            </a:extLst>
          </p:cNvPr>
          <p:cNvSpPr>
            <a:spLocks noGrp="1"/>
          </p:cNvSpPr>
          <p:nvPr>
            <p:ph type="pic" sz="quarter" idx="13"/>
          </p:nvPr>
        </p:nvSpPr>
        <p:spPr>
          <a:xfrm>
            <a:off x="4963373" y="293689"/>
            <a:ext cx="6865090" cy="5454650"/>
          </a:xfrm>
          <a:prstGeom prst="roundRect">
            <a:avLst>
              <a:gd name="adj" fmla="val 8062"/>
            </a:avLst>
          </a:prstGeom>
          <a:solidFill>
            <a:schemeClr val="bg1">
              <a:lumMod val="75000"/>
            </a:schemeClr>
          </a:solidFill>
        </p:spPr>
        <p:txBody>
          <a:bodyPr tIns="576000" anchor="ctr" anchorCtr="0"/>
          <a:lstStyle>
            <a:lvl1pPr marL="0" indent="0" algn="ctr">
              <a:buNone/>
              <a:defRPr sz="1600">
                <a:solidFill>
                  <a:schemeClr val="tx1"/>
                </a:solidFill>
              </a:defRPr>
            </a:lvl1pPr>
          </a:lstStyle>
          <a:p>
            <a:r>
              <a:rPr lang="en-US"/>
              <a:t>Click icon to add picture</a:t>
            </a:r>
          </a:p>
        </p:txBody>
      </p:sp>
      <p:sp>
        <p:nvSpPr>
          <p:cNvPr id="2" name="Title 1">
            <a:extLst>
              <a:ext uri="{FF2B5EF4-FFF2-40B4-BE49-F238E27FC236}">
                <a16:creationId xmlns:a16="http://schemas.microsoft.com/office/drawing/2014/main" id="{1C7886CF-24AA-69A5-0D9D-3F93B4AAB603}"/>
              </a:ext>
            </a:extLst>
          </p:cNvPr>
          <p:cNvSpPr>
            <a:spLocks noGrp="1"/>
          </p:cNvSpPr>
          <p:nvPr>
            <p:ph type="title" hasCustomPrompt="1"/>
          </p:nvPr>
        </p:nvSpPr>
        <p:spPr>
          <a:xfrm>
            <a:off x="360000" y="295199"/>
            <a:ext cx="4279377" cy="5453139"/>
          </a:xfrm>
          <a:prstGeom prst="roundRect">
            <a:avLst>
              <a:gd name="adj" fmla="val 10275"/>
            </a:avLst>
          </a:prstGeom>
          <a:solidFill>
            <a:srgbClr val="90B9FF"/>
          </a:solidFill>
        </p:spPr>
        <p:txBody>
          <a:bodyPr lIns="252000" tIns="324000" rIns="252000" bIns="1800000"/>
          <a:lstStyle>
            <a:lvl1pPr>
              <a:defRPr>
                <a:solidFill>
                  <a:srgbClr val="002F32"/>
                </a:solidFill>
              </a:defRPr>
            </a:lvl1pPr>
          </a:lstStyle>
          <a:p>
            <a:r>
              <a:rPr lang="en-US" noProof="0" dirty="0"/>
              <a:t>Click to add title</a:t>
            </a:r>
            <a:endParaRPr lang="en-US" dirty="0"/>
          </a:p>
        </p:txBody>
      </p:sp>
      <p:sp>
        <p:nvSpPr>
          <p:cNvPr id="12" name="Text Placeholder 11">
            <a:extLst>
              <a:ext uri="{FF2B5EF4-FFF2-40B4-BE49-F238E27FC236}">
                <a16:creationId xmlns:a16="http://schemas.microsoft.com/office/drawing/2014/main" id="{A42D87D9-1191-BC0B-92D5-7F4B412E44F0}"/>
              </a:ext>
            </a:extLst>
          </p:cNvPr>
          <p:cNvSpPr>
            <a:spLocks noGrp="1"/>
          </p:cNvSpPr>
          <p:nvPr>
            <p:ph type="body" sz="quarter" idx="14" hasCustomPrompt="1"/>
          </p:nvPr>
        </p:nvSpPr>
        <p:spPr>
          <a:xfrm>
            <a:off x="360000" y="2261523"/>
            <a:ext cx="4280400" cy="3486816"/>
          </a:xfrm>
        </p:spPr>
        <p:txBody>
          <a:bodyPr lIns="396000" rIns="396000" bIns="360000"/>
          <a:lstStyle>
            <a:lvl1pPr>
              <a:defRPr>
                <a:solidFill>
                  <a:srgbClr val="002F32"/>
                </a:solidFill>
              </a:defRPr>
            </a:lvl1pPr>
            <a:lvl2pPr>
              <a:defRPr>
                <a:solidFill>
                  <a:srgbClr val="002F32"/>
                </a:solidFill>
              </a:defRPr>
            </a:lvl2pPr>
            <a:lvl3pPr>
              <a:defRPr>
                <a:solidFill>
                  <a:srgbClr val="002F32"/>
                </a:solidFill>
              </a:defRPr>
            </a:lvl3pPr>
            <a:lvl4pPr>
              <a:defRPr>
                <a:solidFill>
                  <a:srgbClr val="002F32"/>
                </a:solidFill>
              </a:defRPr>
            </a:lvl4pPr>
            <a:lvl5pPr>
              <a:defRPr>
                <a:solidFill>
                  <a:srgbClr val="002F32"/>
                </a:solidFill>
              </a:defRPr>
            </a:lvl5pPr>
            <a:lvl6pPr>
              <a:defRPr>
                <a:solidFill>
                  <a:srgbClr val="002F32"/>
                </a:solidFill>
              </a:defRPr>
            </a:lvl6pPr>
            <a:lvl7pPr>
              <a:defRPr>
                <a:solidFill>
                  <a:srgbClr val="002F32"/>
                </a:solidFill>
              </a:defRPr>
            </a:lvl7pPr>
            <a:lvl8pPr>
              <a:defRPr>
                <a:solidFill>
                  <a:srgbClr val="002F32"/>
                </a:solidFill>
              </a:defRPr>
            </a:lvl8pPr>
            <a:lvl9pPr>
              <a:defRPr>
                <a:solidFill>
                  <a:srgbClr val="002F32"/>
                </a:solidFill>
              </a:defRPr>
            </a:lvl9pPr>
          </a:lstStyle>
          <a:p>
            <a:pPr lvl="0"/>
            <a:r>
              <a:rPr lang="en-US" noProof="0" dirty="0"/>
              <a:t>Click to add text                                                Enter &amp; TAB to view next text style                           SHIFT+TAB to view previous text style</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a:t>
            </a:r>
            <a:endParaRPr lang="en-US" dirty="0"/>
          </a:p>
        </p:txBody>
      </p:sp>
      <p:sp>
        <p:nvSpPr>
          <p:cNvPr id="10" name="Legal dynamic" descr="{&quot;templafy&quot;:{&quot;id&quot;:&quot;dea40017-4b99-4b91-9f3b-47b8b998123d&quot;}}" title="Form.Cigna_Confidentiality.EvernorthConfidentiality">
            <a:extLst>
              <a:ext uri="{FF2B5EF4-FFF2-40B4-BE49-F238E27FC236}">
                <a16:creationId xmlns:a16="http://schemas.microsoft.com/office/drawing/2014/main" id="{4A44FDEE-8EA7-92A6-B9A0-0A2D8A90139F}"/>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1" name="Internal Stamp dynamic" descr="{&quot;templafy&quot;:{&quot;id&quot;:&quot;4d12c3fd-0447-45d7-b0d9-37edd1b4c351&quot;}}" title="Form.Cigna_Confidentiality.Cigna_confidentiality">
            <a:extLst>
              <a:ext uri="{FF2B5EF4-FFF2-40B4-BE49-F238E27FC236}">
                <a16:creationId xmlns:a16="http://schemas.microsoft.com/office/drawing/2014/main" id="{FAED2556-4223-074A-264C-10716C55E8E6}"/>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212590087" name="Dynamic logo dark mint" descr="{&quot;templafy&quot;:{&quot;id&quot;:&quot;9a874928-b095-447f-8b37-95567864aca0&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a:extLst>
              <a:ext uri="{FF2B5EF4-FFF2-40B4-BE49-F238E27FC236}">
                <a16:creationId xmlns:a16="http://schemas.microsoft.com/office/drawing/2014/main" id="{BBF4FFAA-1CAF-A813-F33B-9F5C347BD35F}"/>
              </a:ext>
            </a:extLst>
          </p:cNvPr>
          <p:cNvSpPr>
            <a:spLocks noGrp="1"/>
          </p:cNvSpPr>
          <p:nvPr>
            <p:ph type="sldNum" sz="quarter" idx="11"/>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5" name="Date Placeholder 5">
            <a:extLst>
              <a:ext uri="{FF2B5EF4-FFF2-40B4-BE49-F238E27FC236}">
                <a16:creationId xmlns:a16="http://schemas.microsoft.com/office/drawing/2014/main" id="{B389EC65-9A53-E4B5-875F-7AC94367C80B}"/>
              </a:ext>
            </a:extLst>
          </p:cNvPr>
          <p:cNvSpPr>
            <a:spLocks noGrp="1"/>
          </p:cNvSpPr>
          <p:nvPr>
            <p:ph type="dt" sz="half" idx="15"/>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73797612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A. Image">
    <p:spTree>
      <p:nvGrpSpPr>
        <p:cNvPr id="1" name=""/>
        <p:cNvGrpSpPr/>
        <p:nvPr/>
      </p:nvGrpSpPr>
      <p:grpSpPr>
        <a:xfrm>
          <a:off x="0" y="0"/>
          <a:ext cx="0" cy="0"/>
          <a:chOff x="0" y="0"/>
          <a:chExt cx="0" cy="0"/>
        </a:xfrm>
      </p:grpSpPr>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bg1">
              <a:lumMod val="75000"/>
            </a:schemeClr>
          </a:solidFill>
        </p:spPr>
        <p:txBody>
          <a:bodyPr tIns="576000" anchor="ctr" anchorCtr="0"/>
          <a:lstStyle>
            <a:lvl1pPr marL="0" indent="0" algn="ctr">
              <a:buNone/>
              <a:defRPr sz="1600">
                <a:solidFill>
                  <a:schemeClr val="tx1"/>
                </a:solidFill>
              </a:defRPr>
            </a:lvl1pPr>
          </a:lstStyle>
          <a:p>
            <a:r>
              <a:rPr lang="en-US"/>
              <a:t>Click icon to add picture</a:t>
            </a:r>
          </a:p>
        </p:txBody>
      </p:sp>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2" name="Date Placeholder 5">
            <a:extLst>
              <a:ext uri="{FF2B5EF4-FFF2-40B4-BE49-F238E27FC236}">
                <a16:creationId xmlns:a16="http://schemas.microsoft.com/office/drawing/2014/main" id="{A40CE7FE-4C07-E0CE-3EBE-204BE7C06668}"/>
              </a:ext>
            </a:extLst>
          </p:cNvPr>
          <p:cNvSpPr>
            <a:spLocks noGrp="1"/>
          </p:cNvSpPr>
          <p:nvPr>
            <p:ph type="dt" sz="half" idx="14"/>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182417309"/>
      </p:ext>
    </p:extLst>
  </p:cSld>
  <p:clrMapOvr>
    <a:masterClrMapping/>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B. Image">
    <p:bg>
      <p:bgPr>
        <a:solidFill>
          <a:schemeClr val="accent3"/>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35C590DB-045D-2E87-F71D-3220BCF07761}"/>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a:t>Click icon to add picture</a:t>
            </a:r>
          </a:p>
        </p:txBody>
      </p:sp>
      <p:sp>
        <p:nvSpPr>
          <p:cNvPr id="2" name="Legal dynamic" descr="{&quot;templafy&quot;:{&quot;id&quot;:&quot;1620a033-0a04-4549-8094-6090ea658828&quot;}}" title="Form.Cigna_Confidentiality.EvernorthConfidentiality">
            <a:extLst>
              <a:ext uri="{FF2B5EF4-FFF2-40B4-BE49-F238E27FC236}">
                <a16:creationId xmlns:a16="http://schemas.microsoft.com/office/drawing/2014/main" id="{9C8C5AAB-FE15-E6D2-AD07-23A685DD6B8D}"/>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eb5eb6f6-f25d-48cf-bd81-b5042a608bd5&quot;}}" title="Form.Cigna_Confidentiality.Cigna_confidentiality">
            <a:extLst>
              <a:ext uri="{FF2B5EF4-FFF2-40B4-BE49-F238E27FC236}">
                <a16:creationId xmlns:a16="http://schemas.microsoft.com/office/drawing/2014/main" id="{D713A586-3F8E-8014-A3C2-0DC07E74787E}"/>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493587559" name="Dynamic logo hypermint" descr="{&quot;templafy&quot;:{&quot;id&quot;:&quot;9a9f65e0-e6bb-46af-b232-814eafc73182&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7" name="Date Placeholder 5">
            <a:extLst>
              <a:ext uri="{FF2B5EF4-FFF2-40B4-BE49-F238E27FC236}">
                <a16:creationId xmlns:a16="http://schemas.microsoft.com/office/drawing/2014/main" id="{EED54377-BE1C-1C3E-3D94-EB462B3B077F}"/>
              </a:ext>
            </a:extLst>
          </p:cNvPr>
          <p:cNvSpPr>
            <a:spLocks noGrp="1"/>
          </p:cNvSpPr>
          <p:nvPr>
            <p:ph type="dt" sz="half" idx="14"/>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95310840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C. Image">
    <p:bg>
      <p:bgPr>
        <a:solidFill>
          <a:schemeClr val="accent3"/>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35C590DB-045D-2E87-F71D-3220BCF07761}"/>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a:t>Click icon to add picture</a:t>
            </a:r>
          </a:p>
        </p:txBody>
      </p:sp>
      <p:sp>
        <p:nvSpPr>
          <p:cNvPr id="2" name="Legal dynamic" descr="{&quot;templafy&quot;:{&quot;id&quot;:&quot;33ce9f56-fa63-4de1-b0de-ccbdf0711376&quot;}}" title="Form.Cigna_Confidentiality.EvernorthConfidentiality">
            <a:extLst>
              <a:ext uri="{FF2B5EF4-FFF2-40B4-BE49-F238E27FC236}">
                <a16:creationId xmlns:a16="http://schemas.microsoft.com/office/drawing/2014/main" id="{9C8C5AAB-FE15-E6D2-AD07-23A685DD6B8D}"/>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1c3028f7-594d-4a2f-ad7c-217572e12005&quot;}}" title="Form.Cigna_Confidentiality.Cigna_confidentiality">
            <a:extLst>
              <a:ext uri="{FF2B5EF4-FFF2-40B4-BE49-F238E27FC236}">
                <a16:creationId xmlns:a16="http://schemas.microsoft.com/office/drawing/2014/main" id="{D713A586-3F8E-8014-A3C2-0DC07E74787E}"/>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4020202020204" pitchFamily="34" charset="0"/>
              <a:ea typeface="+mn-ea"/>
              <a:cs typeface="+mn-cs"/>
            </a:endParaRPr>
          </a:p>
        </p:txBody>
      </p:sp>
      <p:pic>
        <p:nvPicPr>
          <p:cNvPr id="1493014043" name="Dynamic logo hypermint" descr="{&quot;templafy&quot;:{&quot;id&quot;:&quot;3c1d804e-8c30-43b8-8a10-0d3fd4105ec2&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8" name="Date Placeholder 5">
            <a:extLst>
              <a:ext uri="{FF2B5EF4-FFF2-40B4-BE49-F238E27FC236}">
                <a16:creationId xmlns:a16="http://schemas.microsoft.com/office/drawing/2014/main" id="{AD2C622F-FB66-22A8-8236-E6536E93911B}"/>
              </a:ext>
            </a:extLst>
          </p:cNvPr>
          <p:cNvSpPr>
            <a:spLocks noGrp="1"/>
          </p:cNvSpPr>
          <p:nvPr>
            <p:ph type="dt" sz="half" idx="14"/>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269150114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D. Image">
    <p:bg>
      <p:bgPr>
        <a:solidFill>
          <a:schemeClr val="accent3"/>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35C590DB-045D-2E87-F71D-3220BCF07761}"/>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a:t>Click icon to add picture</a:t>
            </a:r>
          </a:p>
        </p:txBody>
      </p:sp>
      <p:sp>
        <p:nvSpPr>
          <p:cNvPr id="2" name="Legal dynamic" descr="{&quot;templafy&quot;:{&quot;id&quot;:&quot;de6318c2-7f4a-4a70-bad5-65f5edda9dc0&quot;}}" title="Form.Cigna_Confidentiality.EvernorthConfidentiality">
            <a:extLst>
              <a:ext uri="{FF2B5EF4-FFF2-40B4-BE49-F238E27FC236}">
                <a16:creationId xmlns:a16="http://schemas.microsoft.com/office/drawing/2014/main" id="{9C8C5AAB-FE15-E6D2-AD07-23A685DD6B8D}"/>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f1dfb6e7-5b02-4d13-96de-f10a8f66021a&quot;}}" title="Form.Cigna_Confidentiality.Cigna_confidentiality">
            <a:extLst>
              <a:ext uri="{FF2B5EF4-FFF2-40B4-BE49-F238E27FC236}">
                <a16:creationId xmlns:a16="http://schemas.microsoft.com/office/drawing/2014/main" id="{D713A586-3F8E-8014-A3C2-0DC07E74787E}"/>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854056585" name="Dynamic logo dark mint" descr="{&quot;templafy&quot;:{&quot;id&quot;:&quot;0e02bf46-bed0-49b7-9a83-2cc83b93aff7&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lvl1pPr>
              <a:defRPr>
                <a:solidFill>
                  <a:srgbClr val="035C67"/>
                </a:solidFill>
              </a:defRPr>
            </a:lvl1pPr>
          </a:lstStyle>
          <a:p>
            <a:fld id="{23AA811B-2EBD-4900-905E-5BE206449611}" type="slidenum">
              <a:rPr lang="en-US" smtClean="0"/>
              <a:pPr/>
              <a:t>‹#›</a:t>
            </a:fld>
            <a:endParaRPr lang="en-US" dirty="0"/>
          </a:p>
        </p:txBody>
      </p:sp>
      <p:sp>
        <p:nvSpPr>
          <p:cNvPr id="8" name="Date Placeholder 5">
            <a:extLst>
              <a:ext uri="{FF2B5EF4-FFF2-40B4-BE49-F238E27FC236}">
                <a16:creationId xmlns:a16="http://schemas.microsoft.com/office/drawing/2014/main" id="{C505CACE-24A5-3C1F-7118-7B6CDA465D36}"/>
              </a:ext>
            </a:extLst>
          </p:cNvPr>
          <p:cNvSpPr>
            <a:spLocks noGrp="1"/>
          </p:cNvSpPr>
          <p:nvPr>
            <p:ph type="dt" sz="half" idx="14"/>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8823409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E. Image">
    <p:bg>
      <p:bgPr>
        <a:solidFill>
          <a:schemeClr val="accent3"/>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35C590DB-045D-2E87-F71D-3220BCF07761}"/>
              </a:ext>
            </a:extLst>
          </p:cNvPr>
          <p:cNvSpPr>
            <a:spLocks noGrp="1" noRot="1" noMove="1" noResize="1" noEditPoints="1" noAdjustHandles="1" noChangeArrowheads="1" noChangeShapeType="1"/>
          </p:cNvSpPr>
          <p:nvPr userDrawn="1"/>
        </p:nvSpPr>
        <p:spPr bwMode="white">
          <a:xfrm>
            <a:off x="0" y="0"/>
            <a:ext cx="12193200" cy="68616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sp>
        <p:nvSpPr>
          <p:cNvPr id="5" name="Picture Placeholder 3">
            <a:extLst>
              <a:ext uri="{FF2B5EF4-FFF2-40B4-BE49-F238E27FC236}">
                <a16:creationId xmlns:a16="http://schemas.microsoft.com/office/drawing/2014/main" id="{881F5CDD-8D8C-B560-C6EA-A8DCDA076755}"/>
              </a:ext>
            </a:extLst>
          </p:cNvPr>
          <p:cNvSpPr>
            <a:spLocks noGrp="1"/>
          </p:cNvSpPr>
          <p:nvPr>
            <p:ph type="pic" sz="quarter" idx="13"/>
          </p:nvPr>
        </p:nvSpPr>
        <p:spPr>
          <a:xfrm>
            <a:off x="360000" y="293688"/>
            <a:ext cx="11473200" cy="5454650"/>
          </a:xfrm>
          <a:prstGeom prst="roundRect">
            <a:avLst>
              <a:gd name="adj" fmla="val 8300"/>
            </a:avLst>
          </a:prstGeom>
          <a:solidFill>
            <a:schemeClr val="tx1">
              <a:lumMod val="75000"/>
            </a:schemeClr>
          </a:solidFill>
        </p:spPr>
        <p:txBody>
          <a:bodyPr tIns="576000" anchor="ctr" anchorCtr="0"/>
          <a:lstStyle>
            <a:lvl1pPr marL="0" indent="0" algn="ctr">
              <a:buNone/>
              <a:defRPr sz="1600">
                <a:solidFill>
                  <a:schemeClr val="bg1"/>
                </a:solidFill>
              </a:defRPr>
            </a:lvl1pPr>
          </a:lstStyle>
          <a:p>
            <a:r>
              <a:rPr lang="en-US"/>
              <a:t>Click icon to add picture</a:t>
            </a:r>
          </a:p>
        </p:txBody>
      </p:sp>
      <p:sp>
        <p:nvSpPr>
          <p:cNvPr id="2" name="Legal dynamic" descr="{&quot;templafy&quot;:{&quot;id&quot;:&quot;e8f9552b-d8e9-4bd2-804e-c0de68a8f87a&quot;}}" title="Form.Cigna_Confidentiality.EvernorthConfidentiality">
            <a:extLst>
              <a:ext uri="{FF2B5EF4-FFF2-40B4-BE49-F238E27FC236}">
                <a16:creationId xmlns:a16="http://schemas.microsoft.com/office/drawing/2014/main" id="{9C8C5AAB-FE15-E6D2-AD07-23A685DD6B8D}"/>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304d6a89-7eea-4cf3-9d65-73abd52366bb&quot;}}" title="Form.Cigna_Confidentiality.Cigna_confidentiality">
            <a:extLst>
              <a:ext uri="{FF2B5EF4-FFF2-40B4-BE49-F238E27FC236}">
                <a16:creationId xmlns:a16="http://schemas.microsoft.com/office/drawing/2014/main" id="{D713A586-3F8E-8014-A3C2-0DC07E74787E}"/>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790714609" name="Dynamic logo hypermint" descr="{&quot;templafy&quot;:{&quot;id&quot;:&quot;4f4ce79c-e34c-4bc0-a033-fccb1ffc3ee2&quot;}}"/>
          <p:cNvPicPr>
            <a:picLocks noChangeAspect="1"/>
          </p:cNvPicPr>
          <p:nvPr/>
        </p:nvPicPr>
        <p:blipFill>
          <a:blip r:embed="rId2"/>
          <a:stretch>
            <a:fillRect/>
          </a:stretch>
        </p:blipFill>
        <p:spPr>
          <a:xfrm>
            <a:off x="346677" y="5882400"/>
            <a:ext cx="2145600" cy="756000"/>
          </a:xfrm>
          <a:prstGeom prst="rect">
            <a:avLst/>
          </a:prstGeom>
        </p:spPr>
      </p:pic>
      <p:sp>
        <p:nvSpPr>
          <p:cNvPr id="4" name="Slide Number Placeholder 3">
            <a:extLst>
              <a:ext uri="{FF2B5EF4-FFF2-40B4-BE49-F238E27FC236}">
                <a16:creationId xmlns:a16="http://schemas.microsoft.com/office/drawing/2014/main" id="{C527D2EA-1119-944F-F928-4EDB1ECA0E22}"/>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8" name="Date Placeholder 5">
            <a:extLst>
              <a:ext uri="{FF2B5EF4-FFF2-40B4-BE49-F238E27FC236}">
                <a16:creationId xmlns:a16="http://schemas.microsoft.com/office/drawing/2014/main" id="{F925FC31-7071-2FF6-7FB9-1DDD99083872}"/>
              </a:ext>
            </a:extLst>
          </p:cNvPr>
          <p:cNvSpPr>
            <a:spLocks noGrp="1"/>
          </p:cNvSpPr>
          <p:nvPr>
            <p:ph type="dt" sz="half" idx="14"/>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70057142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794" userDrawn="1">
          <p15:clr>
            <a:srgbClr val="F26B43"/>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A.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a:extLst>
              <a:ext uri="{FF2B5EF4-FFF2-40B4-BE49-F238E27FC236}">
                <a16:creationId xmlns:a16="http://schemas.microsoft.com/office/drawing/2014/main" id="{9D639805-F1C3-BABE-87F4-5075F6209837}"/>
              </a:ext>
            </a:extLst>
          </p:cNvPr>
          <p:cNvPicPr>
            <a:picLocks noGrp="1" noRot="1" noChangeAspect="1" noMove="1" noResize="1" noEditPoints="1" noAdjustHandles="1" noChangeArrowheads="1" noChangeShapeType="1" noCrop="1"/>
          </p:cNvPicPr>
          <p:nvPr userDrawn="1"/>
        </p:nvPicPr>
        <p:blipFill rotWithShape="1">
          <a:blip r:embed="rId2" cstate="screen">
            <a:extLst>
              <a:ext uri="{28A0092B-C50C-407E-A947-70E740481C1C}">
                <a14:useLocalDpi xmlns:a14="http://schemas.microsoft.com/office/drawing/2010/main"/>
              </a:ext>
              <a:ext uri="{96DAC541-7B7A-43D3-8B79-37D633B846F1}">
                <asvg:svgBlip xmlns="" xmlns:asvg="http://schemas.microsoft.com/office/drawing/2016/SVG/main" r:embed="rId3"/>
              </a:ext>
            </a:extLst>
          </a:blip>
          <a:srcRect t="9517" r="46804" b="9929"/>
          <a:stretch/>
        </p:blipFill>
        <p:spPr>
          <a:xfrm>
            <a:off x="7663129" y="0"/>
            <a:ext cx="4528871" cy="6858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2" name="Legal dynamic" descr="{&quot;templafy&quot;:{&quot;id&quot;:&quot;62944d3e-d2b5-4b55-a30a-56855a3da1bd&quot;}}" title="Form.Cigna_Confidentiality.EvernorthConfidentiality">
            <a:extLst>
              <a:ext uri="{FF2B5EF4-FFF2-40B4-BE49-F238E27FC236}">
                <a16:creationId xmlns:a16="http://schemas.microsoft.com/office/drawing/2014/main" id="{C5AC1E1C-A5C9-9BAA-955A-997F9A5BCF63}"/>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5aacdcaa-89fb-44d0-b257-f8df99f3f7f9&quot;}}" title="Form.Cigna_Confidentiality.Cigna_confidentiality">
            <a:extLst>
              <a:ext uri="{FF2B5EF4-FFF2-40B4-BE49-F238E27FC236}">
                <a16:creationId xmlns:a16="http://schemas.microsoft.com/office/drawing/2014/main" id="{91243659-5596-BA74-1247-0A96F8F04F30}"/>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920106172" name="Dynamic logo dark mint" descr="{&quot;templafy&quot;:{&quot;id&quot;:&quot;5223fc42-faa2-4378-a99a-05dc5b88b436&quot;}}"/>
          <p:cNvPicPr>
            <a:picLocks noChangeAspect="1"/>
          </p:cNvPicPr>
          <p:nvPr/>
        </p:nvPicPr>
        <p:blipFill>
          <a:blip r:embed="rId4"/>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4" name="Date Placeholder 5">
            <a:extLst>
              <a:ext uri="{FF2B5EF4-FFF2-40B4-BE49-F238E27FC236}">
                <a16:creationId xmlns:a16="http://schemas.microsoft.com/office/drawing/2014/main" id="{AC8A15FB-957D-7239-C140-8F774CF0FE8E}"/>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857352204"/>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B.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a:extLst>
              <a:ext uri="{FF2B5EF4-FFF2-40B4-BE49-F238E27FC236}">
                <a16:creationId xmlns:a16="http://schemas.microsoft.com/office/drawing/2014/main" id="{9D639805-F1C3-BABE-87F4-5075F6209837}"/>
              </a:ext>
            </a:extLst>
          </p:cNvPr>
          <p:cNvPicPr>
            <a:picLocks noGrp="1" noRot="1" noChangeAspect="1" noMove="1" noResize="1" noEditPoints="1" noAdjustHandles="1" noChangeArrowheads="1" noChangeShapeType="1" noCrop="1"/>
          </p:cNvPicPr>
          <p:nvPr userDrawn="1"/>
        </p:nvPicPr>
        <p:blipFill rotWithShape="1">
          <a:blip r:embed="rId2" cstate="screen">
            <a:extLst>
              <a:ext uri="{28A0092B-C50C-407E-A947-70E740481C1C}">
                <a14:useLocalDpi xmlns:a14="http://schemas.microsoft.com/office/drawing/2010/main"/>
              </a:ext>
              <a:ext uri="{96DAC541-7B7A-43D3-8B79-37D633B846F1}">
                <asvg:svgBlip xmlns="" xmlns:asvg="http://schemas.microsoft.com/office/drawing/2016/SVG/main" r:embed="rId3"/>
              </a:ext>
            </a:extLst>
          </a:blip>
          <a:srcRect t="9517" r="46804" b="9929"/>
          <a:stretch/>
        </p:blipFill>
        <p:spPr>
          <a:xfrm>
            <a:off x="7663129" y="0"/>
            <a:ext cx="4528871" cy="6858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4" name="Legal dynamic" descr="{&quot;templafy&quot;:{&quot;id&quot;:&quot;307d09df-51e5-4d2e-8a7f-acbd65cfc595&quot;}}" title="Form.Cigna_Confidentiality.EvernorthConfidentiality">
            <a:extLst>
              <a:ext uri="{FF2B5EF4-FFF2-40B4-BE49-F238E27FC236}">
                <a16:creationId xmlns:a16="http://schemas.microsoft.com/office/drawing/2014/main" id="{7551AE01-EE7C-0BFC-DDDB-F7BD048FCB81}"/>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17a338e1-152b-4f2d-9161-b39b39f76599&quot;}}" title="Form.Cigna_Confidentiality.Cigna_confidentiality">
            <a:extLst>
              <a:ext uri="{FF2B5EF4-FFF2-40B4-BE49-F238E27FC236}">
                <a16:creationId xmlns:a16="http://schemas.microsoft.com/office/drawing/2014/main" id="{81FC5392-C6AA-30C1-C596-4C3C7B220DC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858427394" name="Dynamic logo dark mint" descr="{&quot;templafy&quot;:{&quot;id&quot;:&quot;156cf66d-2787-48e3-b7d7-83748a9320e7&quot;}}"/>
          <p:cNvPicPr>
            <a:picLocks noChangeAspect="1"/>
          </p:cNvPicPr>
          <p:nvPr/>
        </p:nvPicPr>
        <p:blipFill>
          <a:blip r:embed="rId4"/>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pPr/>
              <a:t>‹#›</a:t>
            </a:fld>
            <a:endParaRPr lang="en-US" dirty="0"/>
          </a:p>
        </p:txBody>
      </p:sp>
      <p:sp>
        <p:nvSpPr>
          <p:cNvPr id="2" name="Date Placeholder 5">
            <a:extLst>
              <a:ext uri="{FF2B5EF4-FFF2-40B4-BE49-F238E27FC236}">
                <a16:creationId xmlns:a16="http://schemas.microsoft.com/office/drawing/2014/main" id="{6DA79CE6-61F7-A462-2995-C9A92AA180BD}"/>
              </a:ext>
            </a:extLst>
          </p:cNvPr>
          <p:cNvSpPr>
            <a:spLocks noGrp="1"/>
          </p:cNvSpPr>
          <p:nvPr>
            <p:ph type="dt" sz="half" idx="16"/>
          </p:nvPr>
        </p:nvSpPr>
        <p:spPr>
          <a:xfrm>
            <a:off x="10630800" y="6364800"/>
            <a:ext cx="691200" cy="180000"/>
          </a:xfrm>
        </p:spPr>
        <p:txBody>
          <a:bodyPr/>
          <a:lstStyle>
            <a:lvl1pPr>
              <a:defRPr>
                <a:solidFill>
                  <a:schemeClr val="bg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926921560"/>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C. Quote">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a:extLst>
              <a:ext uri="{FF2B5EF4-FFF2-40B4-BE49-F238E27FC236}">
                <a16:creationId xmlns:a16="http://schemas.microsoft.com/office/drawing/2014/main" id="{9D639805-F1C3-BABE-87F4-5075F6209837}"/>
              </a:ext>
            </a:extLst>
          </p:cNvPr>
          <p:cNvPicPr>
            <a:picLocks noGrp="1" noRot="1" noChangeAspect="1" noMove="1" noResize="1" noEditPoints="1" noAdjustHandles="1" noChangeArrowheads="1" noChangeShapeType="1" noCrop="1"/>
          </p:cNvPicPr>
          <p:nvPr userDrawn="1"/>
        </p:nvPicPr>
        <p:blipFill rotWithShape="1">
          <a:blip r:embed="rId2" cstate="screen">
            <a:extLst>
              <a:ext uri="{28A0092B-C50C-407E-A947-70E740481C1C}">
                <a14:useLocalDpi xmlns:a14="http://schemas.microsoft.com/office/drawing/2010/main"/>
              </a:ext>
              <a:ext uri="{96DAC541-7B7A-43D3-8B79-37D633B846F1}">
                <asvg:svgBlip xmlns="" xmlns:asvg="http://schemas.microsoft.com/office/drawing/2016/SVG/main" r:embed="rId3"/>
              </a:ext>
            </a:extLst>
          </a:blip>
          <a:srcRect t="9517" r="46804" b="9929"/>
          <a:stretch/>
        </p:blipFill>
        <p:spPr>
          <a:xfrm>
            <a:off x="7663129" y="0"/>
            <a:ext cx="4528871" cy="6858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4" name="Legal dynamic" descr="{&quot;templafy&quot;:{&quot;id&quot;:&quot;67533c46-aad5-44ed-82cc-50883b147564&quot;}}" title="Form.Cigna_Confidentiality.EvernorthConfidentiality">
            <a:extLst>
              <a:ext uri="{FF2B5EF4-FFF2-40B4-BE49-F238E27FC236}">
                <a16:creationId xmlns:a16="http://schemas.microsoft.com/office/drawing/2014/main" id="{7551AE01-EE7C-0BFC-DDDB-F7BD048FCB81}"/>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334442d0-0cd5-4017-a66f-f8422bffc537&quot;}}" title="Form.Cigna_Confidentiality.Cigna_confidentiality">
            <a:extLst>
              <a:ext uri="{FF2B5EF4-FFF2-40B4-BE49-F238E27FC236}">
                <a16:creationId xmlns:a16="http://schemas.microsoft.com/office/drawing/2014/main" id="{81FC5392-C6AA-30C1-C596-4C3C7B220DC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22091588" name="Dynamic logo hypermint" descr="{&quot;templafy&quot;:{&quot;id&quot;:&quot;5642e2fd-c1dc-4a1f-ba08-73a107b65a3a&quot;}}"/>
          <p:cNvPicPr>
            <a:picLocks noChangeAspect="1"/>
          </p:cNvPicPr>
          <p:nvPr/>
        </p:nvPicPr>
        <p:blipFill>
          <a:blip r:embed="rId4"/>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192B7DD4-9B4F-EF64-E21F-F72D6779ED65}"/>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2071441816"/>
      </p:ext>
    </p:extLst>
  </p:cSld>
  <p:clrMapOvr>
    <a:overrideClrMapping bg1="dk1" tx1="lt1" bg2="dk2" tx2="lt2" accent1="accent1" accent2="accent2" accent3="accent3" accent4="accent4" accent5="accent5" accent6="accent6" hlink="hlink" folHlink="folHlink"/>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 Quote">
    <p:bg>
      <p:bgPr>
        <a:solidFill>
          <a:srgbClr val="008F8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pic>
        <p:nvPicPr>
          <p:cNvPr id="13" name="Graphic 12">
            <a:extLst>
              <a:ext uri="{FF2B5EF4-FFF2-40B4-BE49-F238E27FC236}">
                <a16:creationId xmlns:a16="http://schemas.microsoft.com/office/drawing/2014/main" id="{9D639805-F1C3-BABE-87F4-5075F6209837}"/>
              </a:ext>
            </a:extLst>
          </p:cNvPr>
          <p:cNvPicPr>
            <a:picLocks noGrp="1" noRot="1" noChangeAspect="1" noMove="1" noResize="1" noEditPoints="1" noAdjustHandles="1" noChangeArrowheads="1" noChangeShapeType="1" noCrop="1"/>
          </p:cNvPicPr>
          <p:nvPr userDrawn="1"/>
        </p:nvPicPr>
        <p:blipFill rotWithShape="1">
          <a:blip r:embed="rId2" cstate="screen">
            <a:extLst>
              <a:ext uri="{28A0092B-C50C-407E-A947-70E740481C1C}">
                <a14:useLocalDpi xmlns:a14="http://schemas.microsoft.com/office/drawing/2010/main"/>
              </a:ext>
              <a:ext uri="{96DAC541-7B7A-43D3-8B79-37D633B846F1}">
                <asvg:svgBlip xmlns="" xmlns:asvg="http://schemas.microsoft.com/office/drawing/2016/SVG/main" r:embed="rId3"/>
              </a:ext>
            </a:extLst>
          </a:blip>
          <a:srcRect t="9517" r="46804" b="9929"/>
          <a:stretch/>
        </p:blipFill>
        <p:spPr>
          <a:xfrm>
            <a:off x="7663129" y="0"/>
            <a:ext cx="4528871" cy="6858000"/>
          </a:xfrm>
          <a:prstGeom prst="rect">
            <a:avLst/>
          </a:prstGeom>
        </p:spPr>
      </p:pic>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4" name="Legal dynamic" descr="{&quot;templafy&quot;:{&quot;id&quot;:&quot;2e6eb4ba-f9c5-4534-a3d2-202dc54c511a&quot;}}" title="Form.Cigna_Confidentiality.EvernorthConfidentiality">
            <a:extLst>
              <a:ext uri="{FF2B5EF4-FFF2-40B4-BE49-F238E27FC236}">
                <a16:creationId xmlns:a16="http://schemas.microsoft.com/office/drawing/2014/main" id="{7551AE01-EE7C-0BFC-DDDB-F7BD048FCB81}"/>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f49e7825-59dc-4c32-8812-2235114715d8&quot;}}" title="Form.Cigna_Confidentiality.Cigna_confidentiality">
            <a:extLst>
              <a:ext uri="{FF2B5EF4-FFF2-40B4-BE49-F238E27FC236}">
                <a16:creationId xmlns:a16="http://schemas.microsoft.com/office/drawing/2014/main" id="{81FC5392-C6AA-30C1-C596-4C3C7B220DC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4020202020204" pitchFamily="34" charset="0"/>
              <a:ea typeface="+mn-ea"/>
              <a:cs typeface="+mn-cs"/>
            </a:endParaRPr>
          </a:p>
        </p:txBody>
      </p:sp>
      <p:pic>
        <p:nvPicPr>
          <p:cNvPr id="1020026613" name="Dynamic logo hypermint" descr="{&quot;templafy&quot;:{&quot;id&quot;:&quot;d95828aa-29ae-4484-b3bf-005980e591e3&quot;}}"/>
          <p:cNvPicPr>
            <a:picLocks noChangeAspect="1"/>
          </p:cNvPicPr>
          <p:nvPr/>
        </p:nvPicPr>
        <p:blipFill>
          <a:blip r:embed="rId4"/>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F7B4CE66-951D-3FC1-F82D-7B46EB36E92D}"/>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567575045"/>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G. Cover">
    <p:bg bwMode="ltGray">
      <p:bgPr>
        <a:solidFill>
          <a:schemeClr val="tx1"/>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8" name="Picture 7" descr="A person looking at a cell phone&#10;&#10;Description automatically generated">
            <a:extLst>
              <a:ext uri="{FF2B5EF4-FFF2-40B4-BE49-F238E27FC236}">
                <a16:creationId xmlns:a16="http://schemas.microsoft.com/office/drawing/2014/main" id="{FCE1784D-AC37-CB9A-2D85-F1E62342ABBD}"/>
              </a:ext>
            </a:extLst>
          </p:cNvPr>
          <p:cNvPicPr>
            <a:picLocks noChangeAspect="1"/>
          </p:cNvPicPr>
          <p:nvPr userDrawn="1"/>
        </p:nvPicPr>
        <p:blipFill rotWithShape="1">
          <a:blip r:embed="rId2" cstate="email">
            <a:alphaModFix/>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17" name="Graphic">
            <a:extLst>
              <a:ext uri="{FF2B5EF4-FFF2-40B4-BE49-F238E27FC236}">
                <a16:creationId xmlns:a16="http://schemas.microsoft.com/office/drawing/2014/main" id="{2D32B9E0-AECD-F5E4-582D-93E292EB3F0B}"/>
              </a:ext>
            </a:extLst>
          </p:cNvPr>
          <p:cNvSpPr/>
          <p:nvPr userDrawn="1"/>
        </p:nvSpPr>
        <p:spPr>
          <a:xfrm>
            <a:off x="358775" y="358775"/>
            <a:ext cx="11469688" cy="6138000"/>
          </a:xfrm>
          <a:custGeom>
            <a:avLst/>
            <a:gdLst>
              <a:gd name="connsiteX0" fmla="*/ 8117764 w 11469688"/>
              <a:gd name="connsiteY0" fmla="*/ 532822 h 6138000"/>
              <a:gd name="connsiteX1" fmla="*/ 7810298 w 11469688"/>
              <a:gd name="connsiteY1" fmla="*/ 840285 h 6138000"/>
              <a:gd name="connsiteX2" fmla="*/ 7810298 w 11469688"/>
              <a:gd name="connsiteY2" fmla="*/ 1839636 h 6138000"/>
              <a:gd name="connsiteX3" fmla="*/ 7579668 w 11469688"/>
              <a:gd name="connsiteY3" fmla="*/ 2070265 h 6138000"/>
              <a:gd name="connsiteX4" fmla="*/ 6580310 w 11469688"/>
              <a:gd name="connsiteY4" fmla="*/ 2070265 h 6138000"/>
              <a:gd name="connsiteX5" fmla="*/ 6272844 w 11469688"/>
              <a:gd name="connsiteY5" fmla="*/ 2377728 h 6138000"/>
              <a:gd name="connsiteX6" fmla="*/ 6272844 w 11469688"/>
              <a:gd name="connsiteY6" fmla="*/ 3300118 h 6138000"/>
              <a:gd name="connsiteX7" fmla="*/ 6580310 w 11469688"/>
              <a:gd name="connsiteY7" fmla="*/ 3607581 h 6138000"/>
              <a:gd name="connsiteX8" fmla="*/ 7579668 w 11469688"/>
              <a:gd name="connsiteY8" fmla="*/ 3607581 h 6138000"/>
              <a:gd name="connsiteX9" fmla="*/ 7810298 w 11469688"/>
              <a:gd name="connsiteY9" fmla="*/ 3838210 h 6138000"/>
              <a:gd name="connsiteX10" fmla="*/ 7810298 w 11469688"/>
              <a:gd name="connsiteY10" fmla="*/ 4837561 h 6138000"/>
              <a:gd name="connsiteX11" fmla="*/ 8117764 w 11469688"/>
              <a:gd name="connsiteY11" fmla="*/ 5145024 h 6138000"/>
              <a:gd name="connsiteX12" fmla="*/ 9040160 w 11469688"/>
              <a:gd name="connsiteY12" fmla="*/ 5145024 h 6138000"/>
              <a:gd name="connsiteX13" fmla="*/ 9347625 w 11469688"/>
              <a:gd name="connsiteY13" fmla="*/ 4837561 h 6138000"/>
              <a:gd name="connsiteX14" fmla="*/ 9347625 w 11469688"/>
              <a:gd name="connsiteY14" fmla="*/ 3838210 h 6138000"/>
              <a:gd name="connsiteX15" fmla="*/ 9578256 w 11469688"/>
              <a:gd name="connsiteY15" fmla="*/ 3607581 h 6138000"/>
              <a:gd name="connsiteX16" fmla="*/ 10577614 w 11469688"/>
              <a:gd name="connsiteY16" fmla="*/ 3607581 h 6138000"/>
              <a:gd name="connsiteX17" fmla="*/ 10885079 w 11469688"/>
              <a:gd name="connsiteY17" fmla="*/ 3300118 h 6138000"/>
              <a:gd name="connsiteX18" fmla="*/ 10885079 w 11469688"/>
              <a:gd name="connsiteY18" fmla="*/ 2377728 h 6138000"/>
              <a:gd name="connsiteX19" fmla="*/ 10577614 w 11469688"/>
              <a:gd name="connsiteY19" fmla="*/ 2070265 h 6138000"/>
              <a:gd name="connsiteX20" fmla="*/ 9578256 w 11469688"/>
              <a:gd name="connsiteY20" fmla="*/ 2070265 h 6138000"/>
              <a:gd name="connsiteX21" fmla="*/ 9347625 w 11469688"/>
              <a:gd name="connsiteY21" fmla="*/ 1839636 h 6138000"/>
              <a:gd name="connsiteX22" fmla="*/ 9347625 w 11469688"/>
              <a:gd name="connsiteY22" fmla="*/ 840285 h 6138000"/>
              <a:gd name="connsiteX23" fmla="*/ 9040160 w 11469688"/>
              <a:gd name="connsiteY23" fmla="*/ 532822 h 6138000"/>
              <a:gd name="connsiteX24" fmla="*/ 449486 w 11469688"/>
              <a:gd name="connsiteY24" fmla="*/ 0 h 6138000"/>
              <a:gd name="connsiteX25" fmla="*/ 11020202 w 11469688"/>
              <a:gd name="connsiteY25" fmla="*/ 0 h 6138000"/>
              <a:gd name="connsiteX26" fmla="*/ 11469688 w 11469688"/>
              <a:gd name="connsiteY26" fmla="*/ 449486 h 6138000"/>
              <a:gd name="connsiteX27" fmla="*/ 11469688 w 11469688"/>
              <a:gd name="connsiteY27" fmla="*/ 5688514 h 6138000"/>
              <a:gd name="connsiteX28" fmla="*/ 11020202 w 11469688"/>
              <a:gd name="connsiteY28" fmla="*/ 6138000 h 6138000"/>
              <a:gd name="connsiteX29" fmla="*/ 449486 w 11469688"/>
              <a:gd name="connsiteY29" fmla="*/ 6138000 h 6138000"/>
              <a:gd name="connsiteX30" fmla="*/ 0 w 11469688"/>
              <a:gd name="connsiteY30" fmla="*/ 5688514 h 6138000"/>
              <a:gd name="connsiteX31" fmla="*/ 0 w 11469688"/>
              <a:gd name="connsiteY31" fmla="*/ 449486 h 6138000"/>
              <a:gd name="connsiteX32" fmla="*/ 449486 w 11469688"/>
              <a:gd name="connsiteY32" fmla="*/ 0 h 613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11469688" h="6138000">
                <a:moveTo>
                  <a:pt x="8117764" y="532822"/>
                </a:moveTo>
                <a:cubicBezTo>
                  <a:pt x="7947966" y="532822"/>
                  <a:pt x="7810298" y="670488"/>
                  <a:pt x="7810298" y="840285"/>
                </a:cubicBezTo>
                <a:lnTo>
                  <a:pt x="7810298" y="1839636"/>
                </a:lnTo>
                <a:cubicBezTo>
                  <a:pt x="7810298" y="1967015"/>
                  <a:pt x="7707048" y="2070265"/>
                  <a:pt x="7579668" y="2070265"/>
                </a:cubicBezTo>
                <a:lnTo>
                  <a:pt x="6580310" y="2070265"/>
                </a:lnTo>
                <a:cubicBezTo>
                  <a:pt x="6410512" y="2070265"/>
                  <a:pt x="6272844" y="2207931"/>
                  <a:pt x="6272844" y="2377728"/>
                </a:cubicBezTo>
                <a:lnTo>
                  <a:pt x="6272844" y="3300118"/>
                </a:lnTo>
                <a:cubicBezTo>
                  <a:pt x="6272844" y="3469915"/>
                  <a:pt x="6410512" y="3607581"/>
                  <a:pt x="6580310" y="3607581"/>
                </a:cubicBezTo>
                <a:lnTo>
                  <a:pt x="7579668" y="3607581"/>
                </a:lnTo>
                <a:cubicBezTo>
                  <a:pt x="7707048" y="3607581"/>
                  <a:pt x="7810298" y="3710831"/>
                  <a:pt x="7810298" y="3838210"/>
                </a:cubicBezTo>
                <a:lnTo>
                  <a:pt x="7810298" y="4837561"/>
                </a:lnTo>
                <a:cubicBezTo>
                  <a:pt x="7810298" y="5007358"/>
                  <a:pt x="7947966" y="5145024"/>
                  <a:pt x="8117764" y="5145024"/>
                </a:cubicBezTo>
                <a:lnTo>
                  <a:pt x="9040160" y="5145024"/>
                </a:lnTo>
                <a:cubicBezTo>
                  <a:pt x="9209958" y="5145024"/>
                  <a:pt x="9347625" y="5007358"/>
                  <a:pt x="9347625" y="4837561"/>
                </a:cubicBezTo>
                <a:lnTo>
                  <a:pt x="9347625" y="3838210"/>
                </a:lnTo>
                <a:cubicBezTo>
                  <a:pt x="9347625" y="3710831"/>
                  <a:pt x="9450876" y="3607581"/>
                  <a:pt x="9578256" y="3607581"/>
                </a:cubicBezTo>
                <a:lnTo>
                  <a:pt x="10577614" y="3607581"/>
                </a:lnTo>
                <a:cubicBezTo>
                  <a:pt x="10747412" y="3607581"/>
                  <a:pt x="10885079" y="3469915"/>
                  <a:pt x="10885079" y="3300118"/>
                </a:cubicBezTo>
                <a:lnTo>
                  <a:pt x="10885079" y="2377728"/>
                </a:lnTo>
                <a:cubicBezTo>
                  <a:pt x="10885079" y="2207931"/>
                  <a:pt x="10747412" y="2070265"/>
                  <a:pt x="10577614" y="2070265"/>
                </a:cubicBezTo>
                <a:lnTo>
                  <a:pt x="9578256" y="2070265"/>
                </a:lnTo>
                <a:cubicBezTo>
                  <a:pt x="9450876" y="2070265"/>
                  <a:pt x="9347625" y="1967015"/>
                  <a:pt x="9347625" y="1839636"/>
                </a:cubicBezTo>
                <a:lnTo>
                  <a:pt x="9347625" y="840285"/>
                </a:lnTo>
                <a:cubicBezTo>
                  <a:pt x="9347625" y="670488"/>
                  <a:pt x="9209958" y="532822"/>
                  <a:pt x="9040160" y="532822"/>
                </a:cubicBezTo>
                <a:close/>
                <a:moveTo>
                  <a:pt x="449486" y="0"/>
                </a:moveTo>
                <a:lnTo>
                  <a:pt x="11020202" y="0"/>
                </a:lnTo>
                <a:cubicBezTo>
                  <a:pt x="11268446" y="0"/>
                  <a:pt x="11469688" y="201242"/>
                  <a:pt x="11469688" y="449486"/>
                </a:cubicBezTo>
                <a:lnTo>
                  <a:pt x="11469688" y="5688514"/>
                </a:lnTo>
                <a:cubicBezTo>
                  <a:pt x="11469688" y="5936758"/>
                  <a:pt x="11268446" y="6138000"/>
                  <a:pt x="11020202" y="6138000"/>
                </a:cubicBezTo>
                <a:lnTo>
                  <a:pt x="449486" y="6138000"/>
                </a:lnTo>
                <a:cubicBezTo>
                  <a:pt x="201242" y="6138000"/>
                  <a:pt x="0" y="5936758"/>
                  <a:pt x="0" y="5688514"/>
                </a:cubicBezTo>
                <a:lnTo>
                  <a:pt x="0" y="449486"/>
                </a:lnTo>
                <a:cubicBezTo>
                  <a:pt x="0" y="201242"/>
                  <a:pt x="201242" y="0"/>
                  <a:pt x="449486" y="0"/>
                </a:cubicBezTo>
                <a:close/>
              </a:path>
            </a:pathLst>
          </a:cu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 name="Title 1"/>
          <p:cNvSpPr>
            <a:spLocks noGrp="1"/>
          </p:cNvSpPr>
          <p:nvPr>
            <p:ph type="ctrTitle" hasCustomPrompt="1"/>
          </p:nvPr>
        </p:nvSpPr>
        <p:spPr bwMode="white">
          <a:xfrm>
            <a:off x="841248" y="1450800"/>
            <a:ext cx="5165852"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bwMode="white">
          <a:xfrm>
            <a:off x="841248" y="3654000"/>
            <a:ext cx="5165852" cy="1728000"/>
          </a:xfrm>
        </p:spPr>
        <p:txBody>
          <a:bodyPr/>
          <a:lstStyle>
            <a:lvl1pPr marL="0" indent="0">
              <a:lnSpc>
                <a:spcPct val="105000"/>
              </a:lnSpc>
              <a:buNone/>
              <a:defRPr sz="2200">
                <a:solidFill>
                  <a:srgbClr val="035C67"/>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pic>
        <p:nvPicPr>
          <p:cNvPr id="1941983566" name="Dynamic logo hypermint" descr="{&quot;templafy&quot;:{&quot;id&quot;:&quot;57f1ac7c-3a21-4365-b789-d302def31edd&quot;}}"/>
          <p:cNvPicPr>
            <a:picLocks noChangeAspect="1"/>
          </p:cNvPicPr>
          <p:nvPr/>
        </p:nvPicPr>
        <p:blipFill>
          <a:blip r:embed="rId3"/>
          <a:stretch>
            <a:fillRect/>
          </a:stretch>
        </p:blipFill>
        <p:spPr>
          <a:xfrm>
            <a:off x="820800" y="5569200"/>
            <a:ext cx="2145600" cy="756000"/>
          </a:xfrm>
          <a:prstGeom prst="rect">
            <a:avLst/>
          </a:prstGeom>
        </p:spPr>
      </p:pic>
      <p:pic>
        <p:nvPicPr>
          <p:cNvPr id="2025661092" name="Dynamic logo dark mint" descr="{&quot;templafy&quot;:{&quot;id&quot;:&quot;c029a77f-10b2-4eb1-9e71-411cf38d468e&quot;}}"/>
          <p:cNvPicPr>
            <a:picLocks noChangeAspect="1"/>
          </p:cNvPicPr>
          <p:nvPr/>
        </p:nvPicPr>
        <p:blipFill>
          <a:blip r:embed="rId4"/>
          <a:stretch>
            <a:fillRect/>
          </a:stretch>
        </p:blipFill>
        <p:spPr>
          <a:xfrm>
            <a:off x="820800" y="5569200"/>
            <a:ext cx="2145600" cy="756000"/>
          </a:xfrm>
          <a:prstGeom prst="rect">
            <a:avLst/>
          </a:prstGeom>
        </p:spPr>
      </p:pic>
      <p:sp>
        <p:nvSpPr>
          <p:cNvPr id="5" name="Legal dynamic" descr="{&quot;templafy&quot;:{&quot;id&quot;:&quot;63a484cf-6bea-4a9d-b07b-1718d4091ab3&quot;}}" title="Form.Cigna_Confidentiality.EvernorthConfidentiality">
            <a:extLst>
              <a:ext uri="{FF2B5EF4-FFF2-40B4-BE49-F238E27FC236}">
                <a16:creationId xmlns:a16="http://schemas.microsoft.com/office/drawing/2014/main" id="{BE91DE1E-8193-6386-4EDD-D1BDF749FA95}"/>
              </a:ext>
            </a:extLst>
          </p:cNvPr>
          <p:cNvSpPr/>
          <p:nvPr userDrawn="1"/>
        </p:nvSpPr>
        <p:spPr>
          <a:xfrm>
            <a:off x="5430786" y="5903806"/>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3" name="Internal Stamp dynamic" descr="{&quot;templafy&quot;:{&quot;id&quot;:&quot;5fdafd29-d74e-466b-8785-235956d363b1&quot;}}" title="Form.Cigna_Confidentiality.Cigna_confidentiality">
            <a:extLst>
              <a:ext uri="{FF2B5EF4-FFF2-40B4-BE49-F238E27FC236}">
                <a16:creationId xmlns:a16="http://schemas.microsoft.com/office/drawing/2014/main" id="{20300AEF-6A52-2F32-2AC7-62EAADAD52E3}"/>
              </a:ext>
            </a:extLst>
          </p:cNvPr>
          <p:cNvSpPr/>
          <p:nvPr userDrawn="1"/>
        </p:nvSpPr>
        <p:spPr>
          <a:xfrm>
            <a:off x="3096000" y="5903806"/>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sp>
        <p:nvSpPr>
          <p:cNvPr id="18" name="Slide Number Placeholder 12">
            <a:extLst>
              <a:ext uri="{FF2B5EF4-FFF2-40B4-BE49-F238E27FC236}">
                <a16:creationId xmlns:a16="http://schemas.microsoft.com/office/drawing/2014/main" id="{6ED4AE1F-D6D1-31DD-A7FF-DCBE5DFDD4CF}"/>
              </a:ext>
            </a:extLst>
          </p:cNvPr>
          <p:cNvSpPr>
            <a:spLocks noGrp="1"/>
          </p:cNvSpPr>
          <p:nvPr>
            <p:ph type="sldNum" sz="quarter" idx="16"/>
          </p:nvPr>
        </p:nvSpPr>
        <p:spPr>
          <a:xfrm>
            <a:off x="11068880" y="6051600"/>
            <a:ext cx="266400" cy="180000"/>
          </a:xfrm>
        </p:spPr>
        <p:txBody>
          <a:bodyPr/>
          <a:lstStyle>
            <a:lvl1pPr>
              <a:defRPr>
                <a:solidFill>
                  <a:srgbClr val="035C67"/>
                </a:solidFill>
              </a:defRPr>
            </a:lvl1pPr>
          </a:lstStyle>
          <a:p>
            <a:fld id="{23AA811B-2EBD-4900-905E-5BE206449611}" type="slidenum">
              <a:rPr lang="en-US" smtClean="0"/>
              <a:pPr/>
              <a:t>‹#›</a:t>
            </a:fld>
            <a:endParaRPr lang="en-US" dirty="0"/>
          </a:p>
        </p:txBody>
      </p:sp>
      <p:sp>
        <p:nvSpPr>
          <p:cNvPr id="3" name="Date Placeholder 2">
            <a:extLst>
              <a:ext uri="{FF2B5EF4-FFF2-40B4-BE49-F238E27FC236}">
                <a16:creationId xmlns:a16="http://schemas.microsoft.com/office/drawing/2014/main" id="{FC2B3A12-3503-7EF0-3905-E554B14A3A11}"/>
              </a:ext>
            </a:extLst>
          </p:cNvPr>
          <p:cNvSpPr>
            <a:spLocks noGrp="1"/>
          </p:cNvSpPr>
          <p:nvPr>
            <p:ph type="dt" sz="half" idx="17"/>
          </p:nvPr>
        </p:nvSpPr>
        <p:spPr>
          <a:xfrm>
            <a:off x="10141200" y="6051600"/>
            <a:ext cx="691200" cy="180000"/>
          </a:xfrm>
        </p:spPr>
        <p:txBody>
          <a:bodyPr/>
          <a:lstStyle>
            <a:lvl1pPr>
              <a:defRPr>
                <a:solidFill>
                  <a:srgbClr val="035C67"/>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72154265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300" userDrawn="1">
          <p15:clr>
            <a:srgbClr val="F26B43"/>
          </p15:clr>
        </p15:guide>
        <p15:guide id="2" orient="horz" pos="2064" userDrawn="1">
          <p15:clr>
            <a:srgbClr val="F26B43"/>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E.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5C8369E5-F6C0-8EFA-219C-0B684F25A265}"/>
              </a:ext>
            </a:extLst>
          </p:cNvPr>
          <p:cNvGrpSpPr>
            <a:grpSpLocks noGrp="1" noUngrp="1" noRot="1" noMove="1" noResize="1"/>
          </p:cNvGrpSpPr>
          <p:nvPr userDrawn="1"/>
        </p:nvGrpSpPr>
        <p:grpSpPr>
          <a:xfrm>
            <a:off x="7651420" y="3014"/>
            <a:ext cx="4540580" cy="6858000"/>
            <a:chOff x="7656945" y="3014"/>
            <a:chExt cx="4540580" cy="6858000"/>
          </a:xfrm>
          <a:gradFill>
            <a:gsLst>
              <a:gs pos="15000">
                <a:schemeClr val="accent1"/>
              </a:gs>
              <a:gs pos="87000">
                <a:schemeClr val="accent3"/>
              </a:gs>
              <a:gs pos="43000">
                <a:srgbClr val="1FC7A2"/>
              </a:gs>
              <a:gs pos="70000">
                <a:schemeClr val="accent2"/>
              </a:gs>
            </a:gsLst>
            <a:lin ang="15600000" scaled="0"/>
          </a:gradFill>
        </p:grpSpPr>
        <p:sp>
          <p:nvSpPr>
            <p:cNvPr id="5" name="Freeform 4">
              <a:extLst>
                <a:ext uri="{FF2B5EF4-FFF2-40B4-BE49-F238E27FC236}">
                  <a16:creationId xmlns:a16="http://schemas.microsoft.com/office/drawing/2014/main" id="{72E91AFC-990F-0E4C-DE58-FCB18F0B9958}"/>
                </a:ext>
              </a:extLst>
            </p:cNvPr>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7">
              <a:extLst>
                <a:ext uri="{FF2B5EF4-FFF2-40B4-BE49-F238E27FC236}">
                  <a16:creationId xmlns:a16="http://schemas.microsoft.com/office/drawing/2014/main" id="{046A4D36-5497-0411-F9C0-B22B008077A3}"/>
                </a:ext>
              </a:extLst>
            </p:cNvPr>
            <p:cNvSpPr>
              <a:spLocks noGrp="1" noRot="1" noMove="1" noResize="1" noEditPoints="1" noAdjustHandles="1" noChangeArrowheads="1" noChangeShapeType="1"/>
            </p:cNvSpPr>
            <p:nvPr userDrawn="1"/>
          </p:nvSpPr>
          <p:spPr>
            <a:xfrm>
              <a:off x="10506313"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2" name="Legal dynamic" descr="{&quot;templafy&quot;:{&quot;id&quot;:&quot;789f5589-cd28-4c4a-b5d0-b462eae59c7a&quot;}}" title="Form.Cigna_Confidentiality.EvernorthConfidentiality">
            <a:extLst>
              <a:ext uri="{FF2B5EF4-FFF2-40B4-BE49-F238E27FC236}">
                <a16:creationId xmlns:a16="http://schemas.microsoft.com/office/drawing/2014/main" id="{C5AC1E1C-A5C9-9BAA-955A-997F9A5BCF63}"/>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e845f047-8f39-4f32-b784-fdf6e351c244&quot;}}" title="Form.Cigna_Confidentiality.Cigna_confidentiality">
            <a:extLst>
              <a:ext uri="{FF2B5EF4-FFF2-40B4-BE49-F238E27FC236}">
                <a16:creationId xmlns:a16="http://schemas.microsoft.com/office/drawing/2014/main" id="{91243659-5596-BA74-1247-0A96F8F04F30}"/>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988232226" name="Dynamic logo dark mint" descr="{&quot;templafy&quot;:{&quot;id&quot;:&quot;f0fb7299-77b5-43b0-b91f-e4f9a8a34cba&quot;}}"/>
          <p:cNvPicPr>
            <a:picLocks noChangeAspect="1"/>
          </p:cNvPicPr>
          <p:nvPr/>
        </p:nvPicPr>
        <p:blipFill>
          <a:blip r:embed="rId2"/>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AD3A2336-375C-ECC8-6855-F2ED78079377}"/>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348311109"/>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F. Quote">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 name="Group 8">
            <a:extLst>
              <a:ext uri="{FF2B5EF4-FFF2-40B4-BE49-F238E27FC236}">
                <a16:creationId xmlns:a16="http://schemas.microsoft.com/office/drawing/2014/main" id="{2267E848-6517-8984-DE9A-55FD42A0E372}"/>
              </a:ext>
            </a:extLst>
          </p:cNvPr>
          <p:cNvGrpSpPr>
            <a:grpSpLocks noGrp="1" noUngrp="1" noRot="1" noMove="1" noResize="1"/>
          </p:cNvGrpSpPr>
          <p:nvPr userDrawn="1"/>
        </p:nvGrpSpPr>
        <p:grpSpPr>
          <a:xfrm>
            <a:off x="7656945" y="3014"/>
            <a:ext cx="4535055" cy="6861600"/>
            <a:chOff x="7656945" y="3014"/>
            <a:chExt cx="4535055" cy="6858000"/>
          </a:xfrm>
          <a:blipFill dpi="0" rotWithShape="0">
            <a:blip r:embed="rId2"/>
            <a:srcRect/>
            <a:stretch>
              <a:fillRect l="-2000" t="-1000" r="-1000" b="-1000"/>
            </a:stretch>
          </a:blipFill>
        </p:grpSpPr>
        <p:sp>
          <p:nvSpPr>
            <p:cNvPr id="11" name="Freeform 24">
              <a:extLst>
                <a:ext uri="{FF2B5EF4-FFF2-40B4-BE49-F238E27FC236}">
                  <a16:creationId xmlns:a16="http://schemas.microsoft.com/office/drawing/2014/main" id="{2E7B0D4C-49A5-5FF7-6B81-5DA8FE02731C}"/>
                </a:ext>
              </a:extLst>
            </p:cNvPr>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2" name="Freeform 34">
              <a:extLst>
                <a:ext uri="{FF2B5EF4-FFF2-40B4-BE49-F238E27FC236}">
                  <a16:creationId xmlns:a16="http://schemas.microsoft.com/office/drawing/2014/main" id="{1C0EC96D-253A-61A4-6508-353629EC006E}"/>
                </a:ext>
              </a:extLst>
            </p:cNvPr>
            <p:cNvSpPr>
              <a:spLocks noGrp="1" noRot="1" noMove="1" noResize="1" noEditPoints="1" noAdjustHandles="1" noChangeArrowheads="1" noChangeShapeType="1"/>
            </p:cNvSpPr>
            <p:nvPr userDrawn="1"/>
          </p:nvSpPr>
          <p:spPr>
            <a:xfrm>
              <a:off x="10494438"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7" name="Text Placeholder 2"/>
          <p:cNvSpPr>
            <a:spLocks noGrp="1"/>
          </p:cNvSpPr>
          <p:nvPr userDrawn="1">
            <p:ph type="body" sz="quarter" idx="13" hasCustomPrompt="1"/>
          </p:nvPr>
        </p:nvSpPr>
        <p:spPr>
          <a:xfrm>
            <a:off x="358776" y="1626668"/>
            <a:ext cx="6616700"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4" name="Legal dynamic" descr="{&quot;templafy&quot;:{&quot;id&quot;:&quot;e7a2c533-157f-41ee-905a-7ecd18d12fd1&quot;}}" title="Form.Cigna_Confidentiality.EvernorthConfidentiality">
            <a:extLst>
              <a:ext uri="{FF2B5EF4-FFF2-40B4-BE49-F238E27FC236}">
                <a16:creationId xmlns:a16="http://schemas.microsoft.com/office/drawing/2014/main" id="{7551AE01-EE7C-0BFC-DDDB-F7BD048FCB81}"/>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529b9577-20ac-42ce-a18e-0b5a626b1cf6&quot;}}" title="Form.Cigna_Confidentiality.Cigna_confidentiality">
            <a:extLst>
              <a:ext uri="{FF2B5EF4-FFF2-40B4-BE49-F238E27FC236}">
                <a16:creationId xmlns:a16="http://schemas.microsoft.com/office/drawing/2014/main" id="{81FC5392-C6AA-30C1-C596-4C3C7B220DC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14920531" name="Dynamic logo hypermint" descr="{&quot;templafy&quot;:{&quot;id&quot;:&quot;02c8f8e5-5a54-4e63-9ddc-45a7fa5390b8&quot;}}"/>
          <p:cNvPicPr>
            <a:picLocks noChangeAspect="1"/>
          </p:cNvPicPr>
          <p:nvPr/>
        </p:nvPicPr>
        <p:blipFill>
          <a:blip r:embed="rId3"/>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0146A4EE-DB3E-5E1D-2650-184AE2DD1617}"/>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927347025"/>
      </p:ext>
    </p:extLst>
  </p:cSld>
  <p:clrMapOvr>
    <a:overrideClrMapping bg1="dk1" tx1="lt1" bg2="dk2" tx2="lt2" accent1="accent1" accent2="accent2" accent3="accent3" accent4="accent4" accent5="accent5" accent6="accent6" hlink="hlink" folHlink="folHlink"/>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G.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4" name="Group 3">
            <a:extLst>
              <a:ext uri="{FF2B5EF4-FFF2-40B4-BE49-F238E27FC236}">
                <a16:creationId xmlns:a16="http://schemas.microsoft.com/office/drawing/2014/main" id="{5C8369E5-F6C0-8EFA-219C-0B684F25A265}"/>
              </a:ext>
            </a:extLst>
          </p:cNvPr>
          <p:cNvGrpSpPr>
            <a:grpSpLocks noGrp="1" noUngrp="1" noRot="1" noMove="1" noResize="1"/>
          </p:cNvGrpSpPr>
          <p:nvPr userDrawn="1"/>
        </p:nvGrpSpPr>
        <p:grpSpPr>
          <a:xfrm>
            <a:off x="7651420" y="3014"/>
            <a:ext cx="4540580" cy="6858000"/>
            <a:chOff x="7656945" y="3014"/>
            <a:chExt cx="4540580" cy="6858000"/>
          </a:xfrm>
          <a:gradFill>
            <a:gsLst>
              <a:gs pos="15000">
                <a:schemeClr val="accent1"/>
              </a:gs>
              <a:gs pos="87000">
                <a:schemeClr val="accent3"/>
              </a:gs>
              <a:gs pos="43000">
                <a:srgbClr val="1FC7A2"/>
              </a:gs>
              <a:gs pos="70000">
                <a:schemeClr val="accent2"/>
              </a:gs>
            </a:gsLst>
            <a:lin ang="15600000" scaled="0"/>
          </a:gradFill>
        </p:grpSpPr>
        <p:sp>
          <p:nvSpPr>
            <p:cNvPr id="5" name="Freeform 4">
              <a:extLst>
                <a:ext uri="{FF2B5EF4-FFF2-40B4-BE49-F238E27FC236}">
                  <a16:creationId xmlns:a16="http://schemas.microsoft.com/office/drawing/2014/main" id="{72E91AFC-990F-0E4C-DE58-FCB18F0B9958}"/>
                </a:ext>
              </a:extLst>
            </p:cNvPr>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Freeform 7">
              <a:extLst>
                <a:ext uri="{FF2B5EF4-FFF2-40B4-BE49-F238E27FC236}">
                  <a16:creationId xmlns:a16="http://schemas.microsoft.com/office/drawing/2014/main" id="{046A4D36-5497-0411-F9C0-B22B008077A3}"/>
                </a:ext>
              </a:extLst>
            </p:cNvPr>
            <p:cNvSpPr>
              <a:spLocks noGrp="1" noRot="1" noMove="1" noResize="1" noEditPoints="1" noAdjustHandles="1" noChangeArrowheads="1" noChangeShapeType="1"/>
            </p:cNvSpPr>
            <p:nvPr userDrawn="1"/>
          </p:nvSpPr>
          <p:spPr>
            <a:xfrm>
              <a:off x="10506313"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pic>
        <p:nvPicPr>
          <p:cNvPr id="10" name="Picture 9">
            <a:extLst>
              <a:ext uri="{FF2B5EF4-FFF2-40B4-BE49-F238E27FC236}">
                <a16:creationId xmlns:a16="http://schemas.microsoft.com/office/drawing/2014/main" id="{BAA8D373-458F-CFA1-F827-407DA525A7C3}"/>
              </a:ext>
            </a:extLst>
          </p:cNvPr>
          <p:cNvPicPr>
            <a:picLocks noGrp="1" noRo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3520800" y="128336"/>
            <a:ext cx="7207678" cy="6729664"/>
          </a:xfrm>
          <a:prstGeom prst="rect">
            <a:avLst/>
          </a:prstGeom>
        </p:spPr>
      </p:pic>
      <p:sp>
        <p:nvSpPr>
          <p:cNvPr id="7" name="Text Placeholder 2"/>
          <p:cNvSpPr>
            <a:spLocks noGrp="1"/>
          </p:cNvSpPr>
          <p:nvPr userDrawn="1">
            <p:ph type="body" sz="quarter" idx="13" hasCustomPrompt="1"/>
          </p:nvPr>
        </p:nvSpPr>
        <p:spPr>
          <a:xfrm>
            <a:off x="358776" y="1626668"/>
            <a:ext cx="4676774"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2" name="Legal dynamic" descr="{&quot;templafy&quot;:{&quot;id&quot;:&quot;b18c12d4-4ccc-40c2-a903-38d8ef773c05&quot;}}" title="Form.Cigna_Confidentiality.EvernorthConfidentiality">
            <a:extLst>
              <a:ext uri="{FF2B5EF4-FFF2-40B4-BE49-F238E27FC236}">
                <a16:creationId xmlns:a16="http://schemas.microsoft.com/office/drawing/2014/main" id="{C5AC1E1C-A5C9-9BAA-955A-997F9A5BCF63}"/>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pic>
        <p:nvPicPr>
          <p:cNvPr id="605442684" name="Dynamic logo dark mint" descr="{&quot;templafy&quot;:{&quot;id&quot;:&quot;e5c6134f-6f12-4cea-8e09-384435dba822&quot;}}"/>
          <p:cNvPicPr>
            <a:picLocks noChangeAspect="1"/>
          </p:cNvPicPr>
          <p:nvPr/>
        </p:nvPicPr>
        <p:blipFill>
          <a:blip r:embed="rId3"/>
          <a:stretch>
            <a:fillRect/>
          </a:stretch>
        </p:blipFill>
        <p:spPr>
          <a:xfrm>
            <a:off x="346677" y="5882400"/>
            <a:ext cx="2145600" cy="756000"/>
          </a:xfrm>
          <a:prstGeom prst="rect">
            <a:avLst/>
          </a:prstGeom>
        </p:spPr>
      </p:pic>
      <p:sp>
        <p:nvSpPr>
          <p:cNvPr id="13" name="Internal Stamp dynamic" descr="{&quot;templafy&quot;:{&quot;id&quot;:&quot;2e41f699-d531-4d3c-8d16-6ff80d458d51&quot;}}" title="Form.Cigna_Confidentiality.Cigna_confidentiality">
            <a:extLst>
              <a:ext uri="{FF2B5EF4-FFF2-40B4-BE49-F238E27FC236}">
                <a16:creationId xmlns:a16="http://schemas.microsoft.com/office/drawing/2014/main" id="{341BEF96-DC88-2A65-CFC1-56FEF22DDF49}"/>
              </a:ext>
            </a:extLst>
          </p:cNvPr>
          <p:cNvSpPr/>
          <p:nvPr userDrawn="1"/>
        </p:nvSpPr>
        <p:spPr>
          <a:xfrm>
            <a:off x="2844000" y="6216565"/>
            <a:ext cx="140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accent3"/>
              </a:solidFill>
              <a:effectLst/>
              <a:latin typeface="Arial Narrow" panose="020B0604020202020204" pitchFamily="34" charset="0"/>
              <a:ea typeface="+mn-ea"/>
              <a:cs typeface="+mn-cs"/>
            </a:endParaRPr>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9" name="Date Placeholder 5">
            <a:extLst>
              <a:ext uri="{FF2B5EF4-FFF2-40B4-BE49-F238E27FC236}">
                <a16:creationId xmlns:a16="http://schemas.microsoft.com/office/drawing/2014/main" id="{A1A16286-3EC8-720B-D1E4-C0B6EBD6549C}"/>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202968046"/>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H. Quote">
    <p:bg>
      <p:bgRef idx="1001">
        <a:schemeClr val="bg1"/>
      </p:bgRef>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 name="Group 8">
            <a:extLst>
              <a:ext uri="{FF2B5EF4-FFF2-40B4-BE49-F238E27FC236}">
                <a16:creationId xmlns:a16="http://schemas.microsoft.com/office/drawing/2014/main" id="{2267E848-6517-8984-DE9A-55FD42A0E372}"/>
              </a:ext>
            </a:extLst>
          </p:cNvPr>
          <p:cNvGrpSpPr>
            <a:grpSpLocks noGrp="1" noUngrp="1" noRot="1" noMove="1" noResize="1"/>
          </p:cNvGrpSpPr>
          <p:nvPr userDrawn="1"/>
        </p:nvGrpSpPr>
        <p:grpSpPr>
          <a:xfrm>
            <a:off x="7656945" y="3014"/>
            <a:ext cx="4535055" cy="6861600"/>
            <a:chOff x="7656945" y="3014"/>
            <a:chExt cx="4535055" cy="6858000"/>
          </a:xfrm>
          <a:blipFill dpi="0" rotWithShape="0">
            <a:blip r:embed="rId2"/>
            <a:srcRect/>
            <a:stretch>
              <a:fillRect l="-2000" t="-1000" r="-1000" b="-1000"/>
            </a:stretch>
          </a:blipFill>
        </p:grpSpPr>
        <p:sp>
          <p:nvSpPr>
            <p:cNvPr id="11" name="Freeform 24">
              <a:extLst>
                <a:ext uri="{FF2B5EF4-FFF2-40B4-BE49-F238E27FC236}">
                  <a16:creationId xmlns:a16="http://schemas.microsoft.com/office/drawing/2014/main" id="{2E7B0D4C-49A5-5FF7-6B81-5DA8FE02731C}"/>
                </a:ext>
              </a:extLst>
            </p:cNvPr>
            <p:cNvSpPr>
              <a:spLocks noGrp="1" noRot="1" noMove="1" noResize="1" noEditPoints="1" noAdjustHandles="1" noChangeArrowheads="1" noChangeShapeType="1"/>
            </p:cNvSpPr>
            <p:nvPr userDrawn="1"/>
          </p:nvSpPr>
          <p:spPr>
            <a:xfrm>
              <a:off x="7656945" y="3014"/>
              <a:ext cx="4535055" cy="4859491"/>
            </a:xfrm>
            <a:custGeom>
              <a:avLst/>
              <a:gdLst>
                <a:gd name="connsiteX0" fmla="*/ 2843841 w 4535055"/>
                <a:gd name="connsiteY0" fmla="*/ 0 h 4859491"/>
                <a:gd name="connsiteX1" fmla="*/ 4535055 w 4535055"/>
                <a:gd name="connsiteY1" fmla="*/ 0 h 4859491"/>
                <a:gd name="connsiteX2" fmla="*/ 4535055 w 4535055"/>
                <a:gd name="connsiteY2" fmla="*/ 2010314 h 4859491"/>
                <a:gd name="connsiteX3" fmla="*/ 3270417 w 4535055"/>
                <a:gd name="connsiteY3" fmla="*/ 2010314 h 4859491"/>
                <a:gd name="connsiteX4" fmla="*/ 2843841 w 4535055"/>
                <a:gd name="connsiteY4" fmla="*/ 2437691 h 4859491"/>
                <a:gd name="connsiteX5" fmla="*/ 2843841 w 4535055"/>
                <a:gd name="connsiteY5" fmla="*/ 4289656 h 4859491"/>
                <a:gd name="connsiteX6" fmla="*/ 2275073 w 4535055"/>
                <a:gd name="connsiteY6" fmla="*/ 4859491 h 4859491"/>
                <a:gd name="connsiteX7" fmla="*/ 568768 w 4535055"/>
                <a:gd name="connsiteY7" fmla="*/ 4859491 h 4859491"/>
                <a:gd name="connsiteX8" fmla="*/ 0 w 4535055"/>
                <a:gd name="connsiteY8" fmla="*/ 4289656 h 4859491"/>
                <a:gd name="connsiteX9" fmla="*/ 0 w 4535055"/>
                <a:gd name="connsiteY9" fmla="*/ 2580150 h 4859491"/>
                <a:gd name="connsiteX10" fmla="*/ 568768 w 4535055"/>
                <a:gd name="connsiteY10" fmla="*/ 2010314 h 4859491"/>
                <a:gd name="connsiteX11" fmla="*/ 2417265 w 4535055"/>
                <a:gd name="connsiteY11" fmla="*/ 2010314 h 4859491"/>
                <a:gd name="connsiteX12" fmla="*/ 2843841 w 4535055"/>
                <a:gd name="connsiteY12" fmla="*/ 1582937 h 4859491"/>
                <a:gd name="connsiteX13" fmla="*/ 2843841 w 4535055"/>
                <a:gd name="connsiteY13" fmla="*/ 0 h 485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535055" h="4859491">
                  <a:moveTo>
                    <a:pt x="2843841" y="0"/>
                  </a:moveTo>
                  <a:lnTo>
                    <a:pt x="4535055" y="0"/>
                  </a:lnTo>
                  <a:lnTo>
                    <a:pt x="4535055" y="2010314"/>
                  </a:lnTo>
                  <a:lnTo>
                    <a:pt x="3270417" y="2010314"/>
                  </a:lnTo>
                  <a:cubicBezTo>
                    <a:pt x="3034733" y="2010314"/>
                    <a:pt x="2843841" y="2201566"/>
                    <a:pt x="2843841" y="2437691"/>
                  </a:cubicBezTo>
                  <a:lnTo>
                    <a:pt x="2843841" y="4289656"/>
                  </a:lnTo>
                  <a:cubicBezTo>
                    <a:pt x="2843841" y="4657201"/>
                    <a:pt x="2526754" y="4859491"/>
                    <a:pt x="2275073" y="4859491"/>
                  </a:cubicBezTo>
                  <a:lnTo>
                    <a:pt x="568768" y="4859491"/>
                  </a:lnTo>
                  <a:cubicBezTo>
                    <a:pt x="254524" y="4859491"/>
                    <a:pt x="0" y="4604490"/>
                    <a:pt x="0" y="4289656"/>
                  </a:cubicBezTo>
                  <a:lnTo>
                    <a:pt x="0" y="2580150"/>
                  </a:lnTo>
                  <a:cubicBezTo>
                    <a:pt x="0" y="2265315"/>
                    <a:pt x="254524" y="2010314"/>
                    <a:pt x="568768" y="2010314"/>
                  </a:cubicBezTo>
                  <a:lnTo>
                    <a:pt x="2417265" y="2010314"/>
                  </a:lnTo>
                  <a:cubicBezTo>
                    <a:pt x="2652948" y="2010314"/>
                    <a:pt x="2843841" y="1819064"/>
                    <a:pt x="2843841" y="1582937"/>
                  </a:cubicBezTo>
                  <a:lnTo>
                    <a:pt x="2843841"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2" name="Freeform 34">
              <a:extLst>
                <a:ext uri="{FF2B5EF4-FFF2-40B4-BE49-F238E27FC236}">
                  <a16:creationId xmlns:a16="http://schemas.microsoft.com/office/drawing/2014/main" id="{1C0EC96D-253A-61A4-6508-353629EC006E}"/>
                </a:ext>
              </a:extLst>
            </p:cNvPr>
            <p:cNvSpPr>
              <a:spLocks noGrp="1" noRot="1" noMove="1" noResize="1" noEditPoints="1" noAdjustHandles="1" noChangeArrowheads="1" noChangeShapeType="1"/>
            </p:cNvSpPr>
            <p:nvPr userDrawn="1"/>
          </p:nvSpPr>
          <p:spPr>
            <a:xfrm>
              <a:off x="10494438" y="4856155"/>
              <a:ext cx="1691212" cy="2004859"/>
            </a:xfrm>
            <a:custGeom>
              <a:avLst/>
              <a:gdLst>
                <a:gd name="connsiteX0" fmla="*/ 568768 w 1691212"/>
                <a:gd name="connsiteY0" fmla="*/ 0 h 2004859"/>
                <a:gd name="connsiteX1" fmla="*/ 1691212 w 1691212"/>
                <a:gd name="connsiteY1" fmla="*/ 0 h 2004859"/>
                <a:gd name="connsiteX2" fmla="*/ 1691212 w 1691212"/>
                <a:gd name="connsiteY2" fmla="*/ 2004859 h 2004859"/>
                <a:gd name="connsiteX3" fmla="*/ 0 w 1691212"/>
                <a:gd name="connsiteY3" fmla="*/ 2004859 h 2004859"/>
                <a:gd name="connsiteX4" fmla="*/ 0 w 1691212"/>
                <a:gd name="connsiteY4" fmla="*/ 568300 h 2004859"/>
                <a:gd name="connsiteX5" fmla="*/ 568768 w 1691212"/>
                <a:gd name="connsiteY5" fmla="*/ 0 h 20048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1212" h="2004859">
                  <a:moveTo>
                    <a:pt x="568768" y="0"/>
                  </a:moveTo>
                  <a:lnTo>
                    <a:pt x="1691212" y="0"/>
                  </a:lnTo>
                  <a:lnTo>
                    <a:pt x="1691212" y="2004859"/>
                  </a:lnTo>
                  <a:lnTo>
                    <a:pt x="0" y="2004859"/>
                  </a:lnTo>
                  <a:lnTo>
                    <a:pt x="0" y="568300"/>
                  </a:lnTo>
                  <a:cubicBezTo>
                    <a:pt x="0" y="254316"/>
                    <a:pt x="254524" y="0"/>
                    <a:pt x="568768" y="0"/>
                  </a:cubicBez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pic>
        <p:nvPicPr>
          <p:cNvPr id="8" name="Picture 7">
            <a:extLst>
              <a:ext uri="{FF2B5EF4-FFF2-40B4-BE49-F238E27FC236}">
                <a16:creationId xmlns:a16="http://schemas.microsoft.com/office/drawing/2014/main" id="{E06D2278-26FB-DA3C-F16B-839DC42424FF}"/>
              </a:ext>
            </a:extLst>
          </p:cNvPr>
          <p:cNvPicPr>
            <a:picLocks noGrp="1" noRot="1" noMove="1" noResize="1" noEditPoints="1" noAdjustHandles="1" noChangeArrowheads="1" noChangeShapeType="1" noCrop="1"/>
          </p:cNvPicPr>
          <p:nvPr userDrawn="1"/>
        </p:nvPicPr>
        <p:blipFill>
          <a:blip r:embed="rId3" cstate="email">
            <a:extLst>
              <a:ext uri="{28A0092B-C50C-407E-A947-70E740481C1C}">
                <a14:useLocalDpi xmlns:a14="http://schemas.microsoft.com/office/drawing/2010/main"/>
              </a:ext>
            </a:extLst>
          </a:blip>
          <a:srcRect/>
          <a:stretch/>
        </p:blipFill>
        <p:spPr>
          <a:xfrm>
            <a:off x="3520800" y="128336"/>
            <a:ext cx="7207678" cy="6729664"/>
          </a:xfrm>
          <a:prstGeom prst="rect">
            <a:avLst/>
          </a:prstGeom>
        </p:spPr>
      </p:pic>
      <p:sp>
        <p:nvSpPr>
          <p:cNvPr id="7" name="Text Placeholder 2"/>
          <p:cNvSpPr>
            <a:spLocks noGrp="1"/>
          </p:cNvSpPr>
          <p:nvPr userDrawn="1">
            <p:ph type="body" sz="quarter" idx="13" hasCustomPrompt="1"/>
          </p:nvPr>
        </p:nvSpPr>
        <p:spPr>
          <a:xfrm>
            <a:off x="358776" y="1626668"/>
            <a:ext cx="4676774" cy="412167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4" name="Legal dynamic" descr="{&quot;templafy&quot;:{&quot;id&quot;:&quot;162b0f4a-3aac-4aa1-9a51-697b26252f2f&quot;}}" title="Form.Cigna_Confidentiality.EvernorthConfidentiality">
            <a:extLst>
              <a:ext uri="{FF2B5EF4-FFF2-40B4-BE49-F238E27FC236}">
                <a16:creationId xmlns:a16="http://schemas.microsoft.com/office/drawing/2014/main" id="{7551AE01-EE7C-0BFC-DDDB-F7BD048FCB81}"/>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pic>
        <p:nvPicPr>
          <p:cNvPr id="1995971365" name="Dynamic logo hypermint" descr="{&quot;templafy&quot;:{&quot;id&quot;:&quot;84324261-1175-41ee-83b2-a7a2d3c42499&quot;}}"/>
          <p:cNvPicPr>
            <a:picLocks noChangeAspect="1"/>
          </p:cNvPicPr>
          <p:nvPr/>
        </p:nvPicPr>
        <p:blipFill>
          <a:blip r:embed="rId4"/>
          <a:stretch>
            <a:fillRect/>
          </a:stretch>
        </p:blipFill>
        <p:spPr>
          <a:xfrm>
            <a:off x="346677" y="5882400"/>
            <a:ext cx="2145600" cy="756000"/>
          </a:xfrm>
          <a:prstGeom prst="rect">
            <a:avLst/>
          </a:prstGeom>
        </p:spPr>
      </p:pic>
      <p:sp>
        <p:nvSpPr>
          <p:cNvPr id="16" name="Internal Stamp dynamic" descr="{&quot;templafy&quot;:{&quot;id&quot;:&quot;3590642b-617f-4788-9744-51176f98d4f9&quot;}}" title="Form.Cigna_Confidentiality.Cigna_confidentiality">
            <a:extLst>
              <a:ext uri="{FF2B5EF4-FFF2-40B4-BE49-F238E27FC236}">
                <a16:creationId xmlns:a16="http://schemas.microsoft.com/office/drawing/2014/main" id="{5539DD72-0787-7F7E-33C2-100A5A490F0D}"/>
              </a:ext>
            </a:extLst>
          </p:cNvPr>
          <p:cNvSpPr/>
          <p:nvPr userDrawn="1"/>
        </p:nvSpPr>
        <p:spPr>
          <a:xfrm>
            <a:off x="2844000" y="6216565"/>
            <a:ext cx="140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chemeClr val="bg2"/>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408D07ED-D65C-26F6-40E1-9266152F4C75}"/>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957469416"/>
      </p:ext>
    </p:extLst>
  </p:cSld>
  <p:clrMapOvr>
    <a:overrideClrMapping bg1="dk1" tx1="lt1" bg2="dk2" tx2="lt2" accent1="accent1" accent2="accent2" accent3="accent3" accent4="accent4" accent5="accent5" accent6="accent6" hlink="hlink" folHlink="folHlink"/>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I. Quot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101" name="Group 100">
            <a:extLst>
              <a:ext uri="{FF2B5EF4-FFF2-40B4-BE49-F238E27FC236}">
                <a16:creationId xmlns:a16="http://schemas.microsoft.com/office/drawing/2014/main" id="{16FBE6C0-BD2D-BD7F-2DBE-DB3A6B92DB2E}"/>
              </a:ext>
            </a:extLst>
          </p:cNvPr>
          <p:cNvGrpSpPr>
            <a:grpSpLocks noGrp="1" noUngrp="1" noRot="1" noMove="1" noResize="1"/>
          </p:cNvGrpSpPr>
          <p:nvPr userDrawn="1"/>
        </p:nvGrpSpPr>
        <p:grpSpPr>
          <a:xfrm>
            <a:off x="3538575" y="4314726"/>
            <a:ext cx="8681999" cy="2543274"/>
            <a:chOff x="3538575" y="4314726"/>
            <a:chExt cx="8681999" cy="2543274"/>
          </a:xfrm>
        </p:grpSpPr>
        <p:sp>
          <p:nvSpPr>
            <p:cNvPr id="102" name="Freeform: Shape 101">
              <a:extLst>
                <a:ext uri="{FF2B5EF4-FFF2-40B4-BE49-F238E27FC236}">
                  <a16:creationId xmlns:a16="http://schemas.microsoft.com/office/drawing/2014/main" id="{8BBE020D-836B-CCDD-1FA1-172AC9310FE5}"/>
                </a:ext>
              </a:extLst>
            </p:cNvPr>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03" name="Freeform 17">
              <a:extLst>
                <a:ext uri="{FF2B5EF4-FFF2-40B4-BE49-F238E27FC236}">
                  <a16:creationId xmlns:a16="http://schemas.microsoft.com/office/drawing/2014/main" id="{837FD1D7-BDBA-8046-DF34-9A6F27727DDD}"/>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90B9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104" name="Group 103">
              <a:extLst>
                <a:ext uri="{FF2B5EF4-FFF2-40B4-BE49-F238E27FC236}">
                  <a16:creationId xmlns:a16="http://schemas.microsoft.com/office/drawing/2014/main" id="{AFBBEC0D-177B-537E-5C61-3981CA599270}"/>
                </a:ext>
              </a:extLst>
            </p:cNvPr>
            <p:cNvGrpSpPr>
              <a:grpSpLocks noGrp="1" noUngrp="1" noRot="1" noMove="1" noResize="1"/>
            </p:cNvGrpSpPr>
            <p:nvPr userDrawn="1"/>
          </p:nvGrpSpPr>
          <p:grpSpPr>
            <a:xfrm>
              <a:off x="3731134" y="4555175"/>
              <a:ext cx="4366883" cy="2228438"/>
              <a:chOff x="3644852" y="4555175"/>
              <a:chExt cx="4366883" cy="2228438"/>
            </a:xfrm>
            <a:solidFill>
              <a:srgbClr val="035C67"/>
            </a:solidFill>
          </p:grpSpPr>
          <p:grpSp>
            <p:nvGrpSpPr>
              <p:cNvPr id="105" name="Group 104">
                <a:extLst>
                  <a:ext uri="{FF2B5EF4-FFF2-40B4-BE49-F238E27FC236}">
                    <a16:creationId xmlns:a16="http://schemas.microsoft.com/office/drawing/2014/main" id="{6293050E-4C26-885B-290F-1884438C5903}"/>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134" name="Group 133">
                  <a:extLst>
                    <a:ext uri="{FF2B5EF4-FFF2-40B4-BE49-F238E27FC236}">
                      <a16:creationId xmlns:a16="http://schemas.microsoft.com/office/drawing/2014/main" id="{3F1BF969-11B6-D42A-184E-908F850A036A}"/>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139" name="Freeform 95">
                    <a:extLst>
                      <a:ext uri="{FF2B5EF4-FFF2-40B4-BE49-F238E27FC236}">
                        <a16:creationId xmlns:a16="http://schemas.microsoft.com/office/drawing/2014/main" id="{A5906B0B-650F-28D7-DD18-AC0E04E28F0B}"/>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0" name="Freeform 95">
                    <a:extLst>
                      <a:ext uri="{FF2B5EF4-FFF2-40B4-BE49-F238E27FC236}">
                        <a16:creationId xmlns:a16="http://schemas.microsoft.com/office/drawing/2014/main" id="{E403C679-3F82-3B9A-C7D0-FBAC83EB8507}"/>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1" name="Freeform 95">
                    <a:extLst>
                      <a:ext uri="{FF2B5EF4-FFF2-40B4-BE49-F238E27FC236}">
                        <a16:creationId xmlns:a16="http://schemas.microsoft.com/office/drawing/2014/main" id="{F2FAB0F4-CEDB-B681-B870-DFB0ADFAC9BC}"/>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35" name="Group 134">
                  <a:extLst>
                    <a:ext uri="{FF2B5EF4-FFF2-40B4-BE49-F238E27FC236}">
                      <a16:creationId xmlns:a16="http://schemas.microsoft.com/office/drawing/2014/main" id="{5DCB01C6-118E-41A3-DADA-4D8CB5C62B93}"/>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136" name="Freeform 95">
                    <a:extLst>
                      <a:ext uri="{FF2B5EF4-FFF2-40B4-BE49-F238E27FC236}">
                        <a16:creationId xmlns:a16="http://schemas.microsoft.com/office/drawing/2014/main" id="{7EC7786C-6A2D-1174-6F2C-7394C19FB99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7" name="Freeform 95">
                    <a:extLst>
                      <a:ext uri="{FF2B5EF4-FFF2-40B4-BE49-F238E27FC236}">
                        <a16:creationId xmlns:a16="http://schemas.microsoft.com/office/drawing/2014/main" id="{4AE0373A-9ABD-8E3D-05F5-794DF803E772}"/>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8" name="Freeform 95">
                    <a:extLst>
                      <a:ext uri="{FF2B5EF4-FFF2-40B4-BE49-F238E27FC236}">
                        <a16:creationId xmlns:a16="http://schemas.microsoft.com/office/drawing/2014/main" id="{6F7502B2-0F03-A33D-CD68-6D061D726A6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106" name="Group 105">
                <a:extLst>
                  <a:ext uri="{FF2B5EF4-FFF2-40B4-BE49-F238E27FC236}">
                    <a16:creationId xmlns:a16="http://schemas.microsoft.com/office/drawing/2014/main" id="{C264EDC3-9FB1-AC82-9684-48F59FC2D591}"/>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131" name="Freeform 95">
                  <a:extLst>
                    <a:ext uri="{FF2B5EF4-FFF2-40B4-BE49-F238E27FC236}">
                      <a16:creationId xmlns:a16="http://schemas.microsoft.com/office/drawing/2014/main" id="{9A3569E6-8E42-0A19-B728-01C943BFED2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2" name="Freeform 95">
                  <a:extLst>
                    <a:ext uri="{FF2B5EF4-FFF2-40B4-BE49-F238E27FC236}">
                      <a16:creationId xmlns:a16="http://schemas.microsoft.com/office/drawing/2014/main" id="{DCBB77C5-2A7E-64F4-679D-93E359398075}"/>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3" name="Freeform 95">
                  <a:extLst>
                    <a:ext uri="{FF2B5EF4-FFF2-40B4-BE49-F238E27FC236}">
                      <a16:creationId xmlns:a16="http://schemas.microsoft.com/office/drawing/2014/main" id="{C5DA6616-2859-46AC-4D96-D6C0B374DF5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7" name="Group 106">
                <a:extLst>
                  <a:ext uri="{FF2B5EF4-FFF2-40B4-BE49-F238E27FC236}">
                    <a16:creationId xmlns:a16="http://schemas.microsoft.com/office/drawing/2014/main" id="{9CF62D89-8B68-E02C-BF11-581B7B21E6DB}"/>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128" name="Freeform 95">
                  <a:extLst>
                    <a:ext uri="{FF2B5EF4-FFF2-40B4-BE49-F238E27FC236}">
                      <a16:creationId xmlns:a16="http://schemas.microsoft.com/office/drawing/2014/main" id="{C025DD1E-DBDF-E26C-C4C7-D27BA6F8A1F5}"/>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9" name="Freeform 95">
                  <a:extLst>
                    <a:ext uri="{FF2B5EF4-FFF2-40B4-BE49-F238E27FC236}">
                      <a16:creationId xmlns:a16="http://schemas.microsoft.com/office/drawing/2014/main" id="{A883AE75-404C-20BF-706B-5385FFF599CD}"/>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0" name="Freeform 95">
                  <a:extLst>
                    <a:ext uri="{FF2B5EF4-FFF2-40B4-BE49-F238E27FC236}">
                      <a16:creationId xmlns:a16="http://schemas.microsoft.com/office/drawing/2014/main" id="{0EE9A9BC-12FD-7682-6245-011C07B9DBB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8" name="Group 107">
                <a:extLst>
                  <a:ext uri="{FF2B5EF4-FFF2-40B4-BE49-F238E27FC236}">
                    <a16:creationId xmlns:a16="http://schemas.microsoft.com/office/drawing/2014/main" id="{03366751-D15B-A1EC-2AD4-80F941005959}"/>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125" name="Freeform 95">
                  <a:extLst>
                    <a:ext uri="{FF2B5EF4-FFF2-40B4-BE49-F238E27FC236}">
                      <a16:creationId xmlns:a16="http://schemas.microsoft.com/office/drawing/2014/main" id="{FEBD7272-09EE-1D39-2CDE-02DE0DB6960B}"/>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6" name="Freeform 95">
                  <a:extLst>
                    <a:ext uri="{FF2B5EF4-FFF2-40B4-BE49-F238E27FC236}">
                      <a16:creationId xmlns:a16="http://schemas.microsoft.com/office/drawing/2014/main" id="{5E70174D-DD77-3B95-1A06-127013B96DDD}"/>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7" name="Freeform 95">
                  <a:extLst>
                    <a:ext uri="{FF2B5EF4-FFF2-40B4-BE49-F238E27FC236}">
                      <a16:creationId xmlns:a16="http://schemas.microsoft.com/office/drawing/2014/main" id="{1F67E7A5-5319-EF22-0388-E68373FD7B37}"/>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9" name="Group 108">
                <a:extLst>
                  <a:ext uri="{FF2B5EF4-FFF2-40B4-BE49-F238E27FC236}">
                    <a16:creationId xmlns:a16="http://schemas.microsoft.com/office/drawing/2014/main" id="{98C042F4-390A-8200-84E4-18012278DA1C}"/>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122" name="Freeform 95">
                  <a:extLst>
                    <a:ext uri="{FF2B5EF4-FFF2-40B4-BE49-F238E27FC236}">
                      <a16:creationId xmlns:a16="http://schemas.microsoft.com/office/drawing/2014/main" id="{4FB651DB-D0A9-205F-FEE5-BE91F19A17F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3" name="Freeform 95">
                  <a:extLst>
                    <a:ext uri="{FF2B5EF4-FFF2-40B4-BE49-F238E27FC236}">
                      <a16:creationId xmlns:a16="http://schemas.microsoft.com/office/drawing/2014/main" id="{AA49CA67-A35D-6854-CAAB-A65DBBB92D77}"/>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4" name="Freeform 95">
                  <a:extLst>
                    <a:ext uri="{FF2B5EF4-FFF2-40B4-BE49-F238E27FC236}">
                      <a16:creationId xmlns:a16="http://schemas.microsoft.com/office/drawing/2014/main" id="{91EF704F-431B-11C9-6DE1-9572A5D36E13}"/>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10" name="Group 109">
                <a:extLst>
                  <a:ext uri="{FF2B5EF4-FFF2-40B4-BE49-F238E27FC236}">
                    <a16:creationId xmlns:a16="http://schemas.microsoft.com/office/drawing/2014/main" id="{A33EA5AE-7C49-9316-F4A0-A620A7541F95}"/>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119" name="Freeform 95">
                  <a:extLst>
                    <a:ext uri="{FF2B5EF4-FFF2-40B4-BE49-F238E27FC236}">
                      <a16:creationId xmlns:a16="http://schemas.microsoft.com/office/drawing/2014/main" id="{D5F5A192-9B21-FC2D-8007-F8AA683AE0A4}"/>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0" name="Freeform 95">
                  <a:extLst>
                    <a:ext uri="{FF2B5EF4-FFF2-40B4-BE49-F238E27FC236}">
                      <a16:creationId xmlns:a16="http://schemas.microsoft.com/office/drawing/2014/main" id="{616C6AD0-1685-F459-BB4C-7C842E6646B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1" name="Freeform 95">
                  <a:extLst>
                    <a:ext uri="{FF2B5EF4-FFF2-40B4-BE49-F238E27FC236}">
                      <a16:creationId xmlns:a16="http://schemas.microsoft.com/office/drawing/2014/main" id="{DA1E73BC-CD8F-7F04-4E21-D5475C6AE1D4}"/>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11" name="Group 110">
                <a:extLst>
                  <a:ext uri="{FF2B5EF4-FFF2-40B4-BE49-F238E27FC236}">
                    <a16:creationId xmlns:a16="http://schemas.microsoft.com/office/drawing/2014/main" id="{553ED4ED-4349-8DBD-CFFD-0C0B249DB4CC}"/>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116" name="Freeform 95">
                  <a:extLst>
                    <a:ext uri="{FF2B5EF4-FFF2-40B4-BE49-F238E27FC236}">
                      <a16:creationId xmlns:a16="http://schemas.microsoft.com/office/drawing/2014/main" id="{6522D6D4-7767-B6E0-EF04-6BF05194C6B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7" name="Freeform 95">
                  <a:extLst>
                    <a:ext uri="{FF2B5EF4-FFF2-40B4-BE49-F238E27FC236}">
                      <a16:creationId xmlns:a16="http://schemas.microsoft.com/office/drawing/2014/main" id="{3896D83A-ECCF-E39C-F14B-2851E95AFB20}"/>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95">
                  <a:extLst>
                    <a:ext uri="{FF2B5EF4-FFF2-40B4-BE49-F238E27FC236}">
                      <a16:creationId xmlns:a16="http://schemas.microsoft.com/office/drawing/2014/main" id="{804BD4D6-FBF5-03D8-C4B2-E944FBE78FA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12" name="Group 111">
                <a:extLst>
                  <a:ext uri="{FF2B5EF4-FFF2-40B4-BE49-F238E27FC236}">
                    <a16:creationId xmlns:a16="http://schemas.microsoft.com/office/drawing/2014/main" id="{4700202E-8ED2-3647-5D8D-0ABB5003BD8F}"/>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113" name="Freeform 95">
                  <a:extLst>
                    <a:ext uri="{FF2B5EF4-FFF2-40B4-BE49-F238E27FC236}">
                      <a16:creationId xmlns:a16="http://schemas.microsoft.com/office/drawing/2014/main" id="{F2EDA99C-628B-DFE7-4E5A-2AB0D056EFA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4" name="Freeform 95">
                  <a:extLst>
                    <a:ext uri="{FF2B5EF4-FFF2-40B4-BE49-F238E27FC236}">
                      <a16:creationId xmlns:a16="http://schemas.microsoft.com/office/drawing/2014/main" id="{9F7A5C4E-72AD-6138-4F64-46ABC7638780}"/>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5" name="Freeform 95">
                  <a:extLst>
                    <a:ext uri="{FF2B5EF4-FFF2-40B4-BE49-F238E27FC236}">
                      <a16:creationId xmlns:a16="http://schemas.microsoft.com/office/drawing/2014/main" id="{34C99FAC-B74D-2D41-BF86-29B96A353323}"/>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pic>
        <p:nvPicPr>
          <p:cNvPr id="13" name="Picture 12" descr="A person holding a baby&#10;&#10;Description automatically generated">
            <a:extLst>
              <a:ext uri="{FF2B5EF4-FFF2-40B4-BE49-F238E27FC236}">
                <a16:creationId xmlns:a16="http://schemas.microsoft.com/office/drawing/2014/main" id="{83AB052D-0395-3A2E-8374-9B557F752B1C}"/>
              </a:ext>
            </a:extLst>
          </p:cNvPr>
          <p:cNvPicPr>
            <a:picLocks noGrp="1" noRot="1" noChangeAspect="1" noMove="1" noResize="1" noEditPoints="1" noAdjustHandles="1" noChangeArrowheads="1" noChangeShapeType="1" noCrop="1"/>
          </p:cNvPicPr>
          <p:nvPr userDrawn="1"/>
        </p:nvPicPr>
        <p:blipFill rotWithShape="1">
          <a:blip r:embed="rId2" cstate="screen">
            <a:alphaModFix/>
            <a:extLst>
              <a:ext uri="{28A0092B-C50C-407E-A947-70E740481C1C}">
                <a14:useLocalDpi xmlns:a14="http://schemas.microsoft.com/office/drawing/2010/main"/>
              </a:ext>
            </a:extLst>
          </a:blip>
          <a:srcRect/>
          <a:stretch/>
        </p:blipFill>
        <p:spPr>
          <a:xfrm>
            <a:off x="6309284" y="354192"/>
            <a:ext cx="4738916" cy="4738918"/>
          </a:xfrm>
          <a:custGeom>
            <a:avLst/>
            <a:gdLst>
              <a:gd name="connsiteX0" fmla="*/ 1894492 w 4736490"/>
              <a:gd name="connsiteY0" fmla="*/ 0 h 4736492"/>
              <a:gd name="connsiteX1" fmla="*/ 2841739 w 4736490"/>
              <a:gd name="connsiteY1" fmla="*/ 0 h 4736492"/>
              <a:gd name="connsiteX2" fmla="*/ 3157445 w 4736490"/>
              <a:gd name="connsiteY2" fmla="*/ 315706 h 4736492"/>
              <a:gd name="connsiteX3" fmla="*/ 3157445 w 4736490"/>
              <a:gd name="connsiteY3" fmla="*/ 1342008 h 4736492"/>
              <a:gd name="connsiteX4" fmla="*/ 3394224 w 4736490"/>
              <a:gd name="connsiteY4" fmla="*/ 1578788 h 4736492"/>
              <a:gd name="connsiteX5" fmla="*/ 4420526 w 4736490"/>
              <a:gd name="connsiteY5" fmla="*/ 1578788 h 4736492"/>
              <a:gd name="connsiteX6" fmla="*/ 4736232 w 4736490"/>
              <a:gd name="connsiteY6" fmla="*/ 1894494 h 4736492"/>
              <a:gd name="connsiteX7" fmla="*/ 4736232 w 4736490"/>
              <a:gd name="connsiteY7" fmla="*/ 2841740 h 4736492"/>
              <a:gd name="connsiteX8" fmla="*/ 4736490 w 4736490"/>
              <a:gd name="connsiteY8" fmla="*/ 2841998 h 4736492"/>
              <a:gd name="connsiteX9" fmla="*/ 4420784 w 4736490"/>
              <a:gd name="connsiteY9" fmla="*/ 3157704 h 4736492"/>
              <a:gd name="connsiteX10" fmla="*/ 3394482 w 4736490"/>
              <a:gd name="connsiteY10" fmla="*/ 3157704 h 4736492"/>
              <a:gd name="connsiteX11" fmla="*/ 3157703 w 4736490"/>
              <a:gd name="connsiteY11" fmla="*/ 3394484 h 4736492"/>
              <a:gd name="connsiteX12" fmla="*/ 3157703 w 4736490"/>
              <a:gd name="connsiteY12" fmla="*/ 4420786 h 4736492"/>
              <a:gd name="connsiteX13" fmla="*/ 2841997 w 4736490"/>
              <a:gd name="connsiteY13" fmla="*/ 4736492 h 4736492"/>
              <a:gd name="connsiteX14" fmla="*/ 1894750 w 4736490"/>
              <a:gd name="connsiteY14" fmla="*/ 4736492 h 4736492"/>
              <a:gd name="connsiteX15" fmla="*/ 1579044 w 4736490"/>
              <a:gd name="connsiteY15" fmla="*/ 4420786 h 4736492"/>
              <a:gd name="connsiteX16" fmla="*/ 1579044 w 4736490"/>
              <a:gd name="connsiteY16" fmla="*/ 3394484 h 4736492"/>
              <a:gd name="connsiteX17" fmla="*/ 1342265 w 4736490"/>
              <a:gd name="connsiteY17" fmla="*/ 3157704 h 4736492"/>
              <a:gd name="connsiteX18" fmla="*/ 315705 w 4736490"/>
              <a:gd name="connsiteY18" fmla="*/ 3157704 h 4736492"/>
              <a:gd name="connsiteX19" fmla="*/ 0 w 4736490"/>
              <a:gd name="connsiteY19" fmla="*/ 2841998 h 4736492"/>
              <a:gd name="connsiteX20" fmla="*/ 0 w 4736490"/>
              <a:gd name="connsiteY20" fmla="*/ 1894752 h 4736492"/>
              <a:gd name="connsiteX21" fmla="*/ 315705 w 4736490"/>
              <a:gd name="connsiteY21" fmla="*/ 1579046 h 4736492"/>
              <a:gd name="connsiteX22" fmla="*/ 596849 w 4736490"/>
              <a:gd name="connsiteY22" fmla="*/ 1575048 h 4736492"/>
              <a:gd name="connsiteX23" fmla="*/ 626897 w 4736490"/>
              <a:gd name="connsiteY23" fmla="*/ 1147658 h 4736492"/>
              <a:gd name="connsiteX24" fmla="*/ 739355 w 4736490"/>
              <a:gd name="connsiteY24" fmla="*/ 847686 h 4736492"/>
              <a:gd name="connsiteX25" fmla="*/ 1016758 w 4736490"/>
              <a:gd name="connsiteY25" fmla="*/ 435257 h 4736492"/>
              <a:gd name="connsiteX26" fmla="*/ 1353743 w 4736490"/>
              <a:gd name="connsiteY26" fmla="*/ 200025 h 4736492"/>
              <a:gd name="connsiteX27" fmla="*/ 1653973 w 4736490"/>
              <a:gd name="connsiteY27" fmla="*/ 106525 h 4736492"/>
              <a:gd name="connsiteX28" fmla="*/ 1660808 w 4736490"/>
              <a:gd name="connsiteY28" fmla="*/ 103430 h 4736492"/>
              <a:gd name="connsiteX29" fmla="*/ 1694210 w 4736490"/>
              <a:gd name="connsiteY29" fmla="*/ 71576 h 4736492"/>
              <a:gd name="connsiteX30" fmla="*/ 1770686 w 4736490"/>
              <a:gd name="connsiteY30" fmla="*/ 25149 h 4736492"/>
              <a:gd name="connsiteX31" fmla="*/ 1820595 w 4736490"/>
              <a:gd name="connsiteY31" fmla="*/ 8770 h 4736492"/>
              <a:gd name="connsiteX32" fmla="*/ 1852192 w 4736490"/>
              <a:gd name="connsiteY32" fmla="*/ 903 h 4736492"/>
              <a:gd name="connsiteX33" fmla="*/ 1871279 w 4736490"/>
              <a:gd name="connsiteY33" fmla="*/ 903 h 4736492"/>
              <a:gd name="connsiteX34" fmla="*/ 1894492 w 4736490"/>
              <a:gd name="connsiteY34" fmla="*/ 0 h 47364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4736490" h="4736492">
                <a:moveTo>
                  <a:pt x="1894492" y="0"/>
                </a:moveTo>
                <a:lnTo>
                  <a:pt x="2841739" y="0"/>
                </a:lnTo>
                <a:cubicBezTo>
                  <a:pt x="3016099" y="0"/>
                  <a:pt x="3157445" y="141346"/>
                  <a:pt x="3157445" y="315706"/>
                </a:cubicBezTo>
                <a:lnTo>
                  <a:pt x="3157445" y="1342008"/>
                </a:lnTo>
                <a:cubicBezTo>
                  <a:pt x="3157445" y="1472779"/>
                  <a:pt x="3263454" y="1578788"/>
                  <a:pt x="3394224" y="1578788"/>
                </a:cubicBezTo>
                <a:lnTo>
                  <a:pt x="4420526" y="1578788"/>
                </a:lnTo>
                <a:cubicBezTo>
                  <a:pt x="4594886" y="1578788"/>
                  <a:pt x="4736232" y="1720133"/>
                  <a:pt x="4736232" y="1894494"/>
                </a:cubicBezTo>
                <a:lnTo>
                  <a:pt x="4736232" y="2841740"/>
                </a:lnTo>
                <a:lnTo>
                  <a:pt x="4736490" y="2841998"/>
                </a:lnTo>
                <a:cubicBezTo>
                  <a:pt x="4736490" y="3016359"/>
                  <a:pt x="4595144" y="3157704"/>
                  <a:pt x="4420784" y="3157704"/>
                </a:cubicBezTo>
                <a:lnTo>
                  <a:pt x="3394482" y="3157704"/>
                </a:lnTo>
                <a:cubicBezTo>
                  <a:pt x="3263712" y="3157704"/>
                  <a:pt x="3157703" y="3263713"/>
                  <a:pt x="3157703" y="3394484"/>
                </a:cubicBezTo>
                <a:lnTo>
                  <a:pt x="3157703" y="4420786"/>
                </a:lnTo>
                <a:cubicBezTo>
                  <a:pt x="3157703" y="4595146"/>
                  <a:pt x="3016357" y="4736492"/>
                  <a:pt x="2841997" y="4736492"/>
                </a:cubicBezTo>
                <a:lnTo>
                  <a:pt x="1894750" y="4736492"/>
                </a:lnTo>
                <a:cubicBezTo>
                  <a:pt x="1720390" y="4736492"/>
                  <a:pt x="1579044" y="4595146"/>
                  <a:pt x="1579044" y="4420786"/>
                </a:cubicBezTo>
                <a:lnTo>
                  <a:pt x="1579044" y="3394484"/>
                </a:lnTo>
                <a:cubicBezTo>
                  <a:pt x="1579044" y="3263713"/>
                  <a:pt x="1473035" y="3157704"/>
                  <a:pt x="1342265" y="3157704"/>
                </a:cubicBezTo>
                <a:lnTo>
                  <a:pt x="315705" y="3157704"/>
                </a:lnTo>
                <a:cubicBezTo>
                  <a:pt x="141345" y="3157704"/>
                  <a:pt x="0" y="3016359"/>
                  <a:pt x="0" y="2841998"/>
                </a:cubicBezTo>
                <a:lnTo>
                  <a:pt x="0" y="1894752"/>
                </a:lnTo>
                <a:cubicBezTo>
                  <a:pt x="0" y="1720391"/>
                  <a:pt x="141345" y="1579046"/>
                  <a:pt x="315705" y="1579046"/>
                </a:cubicBezTo>
                <a:lnTo>
                  <a:pt x="596849" y="1575048"/>
                </a:lnTo>
                <a:lnTo>
                  <a:pt x="626897" y="1147658"/>
                </a:lnTo>
                <a:lnTo>
                  <a:pt x="739355" y="847686"/>
                </a:lnTo>
                <a:cubicBezTo>
                  <a:pt x="851812" y="667780"/>
                  <a:pt x="911781" y="555323"/>
                  <a:pt x="1016758" y="435257"/>
                </a:cubicBezTo>
                <a:lnTo>
                  <a:pt x="1353743" y="200025"/>
                </a:lnTo>
                <a:cubicBezTo>
                  <a:pt x="1561247" y="113232"/>
                  <a:pt x="1576594" y="131158"/>
                  <a:pt x="1653973" y="106525"/>
                </a:cubicBezTo>
                <a:cubicBezTo>
                  <a:pt x="1656423" y="105752"/>
                  <a:pt x="1658616" y="104720"/>
                  <a:pt x="1660808" y="103430"/>
                </a:cubicBezTo>
                <a:cubicBezTo>
                  <a:pt x="1671125" y="92081"/>
                  <a:pt x="1682345" y="81377"/>
                  <a:pt x="1694210" y="71576"/>
                </a:cubicBezTo>
                <a:cubicBezTo>
                  <a:pt x="1709170" y="57390"/>
                  <a:pt x="1731094" y="40882"/>
                  <a:pt x="1770686" y="25149"/>
                </a:cubicBezTo>
                <a:cubicBezTo>
                  <a:pt x="1786678" y="18313"/>
                  <a:pt x="1803314" y="12897"/>
                  <a:pt x="1820595" y="8770"/>
                </a:cubicBezTo>
                <a:cubicBezTo>
                  <a:pt x="1830397" y="6062"/>
                  <a:pt x="1840843" y="3483"/>
                  <a:pt x="1852192" y="903"/>
                </a:cubicBezTo>
                <a:lnTo>
                  <a:pt x="1871279" y="903"/>
                </a:lnTo>
                <a:cubicBezTo>
                  <a:pt x="1879017" y="387"/>
                  <a:pt x="1886754" y="0"/>
                  <a:pt x="1894492" y="0"/>
                </a:cubicBezTo>
                <a:close/>
              </a:path>
            </a:pathLst>
          </a:custGeom>
        </p:spPr>
      </p:pic>
      <p:sp>
        <p:nvSpPr>
          <p:cNvPr id="7" name="Text Placeholder 2"/>
          <p:cNvSpPr>
            <a:spLocks noGrp="1"/>
          </p:cNvSpPr>
          <p:nvPr userDrawn="1">
            <p:ph type="body" sz="quarter" idx="13" hasCustomPrompt="1"/>
          </p:nvPr>
        </p:nvSpPr>
        <p:spPr>
          <a:xfrm>
            <a:off x="358776" y="1327355"/>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2" name="Legal dynamic" descr="{&quot;templafy&quot;:{&quot;id&quot;:&quot;d06a6b30-a4f1-4cef-bd74-f45503f7b6fe&quot;}}" title="Form.Cigna_Confidentiality.EvernorthConfidentiality">
            <a:extLst>
              <a:ext uri="{FF2B5EF4-FFF2-40B4-BE49-F238E27FC236}">
                <a16:creationId xmlns:a16="http://schemas.microsoft.com/office/drawing/2014/main" id="{C5AC1E1C-A5C9-9BAA-955A-997F9A5BCF63}"/>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0f8069f7-7669-4e0b-b3dc-9b343a67e17b&quot;}}" title="Form.Cigna_Confidentiality.Cigna_confidentiality">
            <a:extLst>
              <a:ext uri="{FF2B5EF4-FFF2-40B4-BE49-F238E27FC236}">
                <a16:creationId xmlns:a16="http://schemas.microsoft.com/office/drawing/2014/main" id="{91243659-5596-BA74-1247-0A96F8F04F30}"/>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256667338" name="Dynamic logo dark mint" descr="{&quot;templafy&quot;:{&quot;id&quot;:&quot;0ec36bf6-20de-4245-ba57-347867b3a204&quot;}}"/>
          <p:cNvPicPr>
            <a:picLocks noChangeAspect="1"/>
          </p:cNvPicPr>
          <p:nvPr/>
        </p:nvPicPr>
        <p:blipFill>
          <a:blip r:embed="rId3"/>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4" name="Date Placeholder 5">
            <a:extLst>
              <a:ext uri="{FF2B5EF4-FFF2-40B4-BE49-F238E27FC236}">
                <a16:creationId xmlns:a16="http://schemas.microsoft.com/office/drawing/2014/main" id="{4FD3E1AA-2BE7-5B26-958D-8A1E30A69F04}"/>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501135281"/>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J. Quote">
    <p:bg>
      <p:bgPr>
        <a:solidFill>
          <a:srgbClr val="008F8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9" name="Group 98">
            <a:extLst>
              <a:ext uri="{FF2B5EF4-FFF2-40B4-BE49-F238E27FC236}">
                <a16:creationId xmlns:a16="http://schemas.microsoft.com/office/drawing/2014/main" id="{B42FBCEA-EFD2-3EDA-9941-92422EDB0F5D}"/>
              </a:ext>
            </a:extLst>
          </p:cNvPr>
          <p:cNvGrpSpPr>
            <a:grpSpLocks noGrp="1" noUngrp="1" noRot="1" noMove="1" noResize="1"/>
          </p:cNvGrpSpPr>
          <p:nvPr userDrawn="1"/>
        </p:nvGrpSpPr>
        <p:grpSpPr>
          <a:xfrm>
            <a:off x="3538575" y="4314726"/>
            <a:ext cx="8681999" cy="2543274"/>
            <a:chOff x="3538575" y="4314726"/>
            <a:chExt cx="8681999" cy="2543274"/>
          </a:xfrm>
        </p:grpSpPr>
        <p:sp>
          <p:nvSpPr>
            <p:cNvPr id="100" name="Freeform: Shape 99">
              <a:extLst>
                <a:ext uri="{FF2B5EF4-FFF2-40B4-BE49-F238E27FC236}">
                  <a16:creationId xmlns:a16="http://schemas.microsoft.com/office/drawing/2014/main" id="{A049F9FF-C76C-A2D1-3BFD-81FAD3CF10AC}"/>
                </a:ext>
              </a:extLst>
            </p:cNvPr>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01" name="Freeform 17">
              <a:extLst>
                <a:ext uri="{FF2B5EF4-FFF2-40B4-BE49-F238E27FC236}">
                  <a16:creationId xmlns:a16="http://schemas.microsoft.com/office/drawing/2014/main" id="{25B05029-37D7-2F83-AC72-DEDE8FE00EAD}"/>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102" name="Group 101">
              <a:extLst>
                <a:ext uri="{FF2B5EF4-FFF2-40B4-BE49-F238E27FC236}">
                  <a16:creationId xmlns:a16="http://schemas.microsoft.com/office/drawing/2014/main" id="{5FC0112A-5EC6-107F-4386-D02A7AA8B87B}"/>
                </a:ext>
              </a:extLst>
            </p:cNvPr>
            <p:cNvGrpSpPr>
              <a:grpSpLocks noGrp="1" noUngrp="1" noRot="1" noMove="1" noResize="1"/>
            </p:cNvGrpSpPr>
            <p:nvPr userDrawn="1"/>
          </p:nvGrpSpPr>
          <p:grpSpPr>
            <a:xfrm>
              <a:off x="3731134" y="4555175"/>
              <a:ext cx="4366883" cy="2228438"/>
              <a:chOff x="3644852" y="4555175"/>
              <a:chExt cx="4366883" cy="2228438"/>
            </a:xfrm>
            <a:solidFill>
              <a:srgbClr val="008F83"/>
            </a:solidFill>
          </p:grpSpPr>
          <p:grpSp>
            <p:nvGrpSpPr>
              <p:cNvPr id="103" name="Group 102">
                <a:extLst>
                  <a:ext uri="{FF2B5EF4-FFF2-40B4-BE49-F238E27FC236}">
                    <a16:creationId xmlns:a16="http://schemas.microsoft.com/office/drawing/2014/main" id="{CD5592E5-FE06-39A4-E7B2-57E1C7566BCE}"/>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132" name="Group 131">
                  <a:extLst>
                    <a:ext uri="{FF2B5EF4-FFF2-40B4-BE49-F238E27FC236}">
                      <a16:creationId xmlns:a16="http://schemas.microsoft.com/office/drawing/2014/main" id="{603B5759-48E7-6037-1C64-026073A34B19}"/>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137" name="Freeform 95">
                    <a:extLst>
                      <a:ext uri="{FF2B5EF4-FFF2-40B4-BE49-F238E27FC236}">
                        <a16:creationId xmlns:a16="http://schemas.microsoft.com/office/drawing/2014/main" id="{663C75D0-D528-E07F-DF6F-BEA89213A75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8" name="Freeform 95">
                    <a:extLst>
                      <a:ext uri="{FF2B5EF4-FFF2-40B4-BE49-F238E27FC236}">
                        <a16:creationId xmlns:a16="http://schemas.microsoft.com/office/drawing/2014/main" id="{32D9C452-7B85-C1F3-0BB9-74F68ADFCC3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9" name="Freeform 95">
                    <a:extLst>
                      <a:ext uri="{FF2B5EF4-FFF2-40B4-BE49-F238E27FC236}">
                        <a16:creationId xmlns:a16="http://schemas.microsoft.com/office/drawing/2014/main" id="{6960222E-DB9B-F7C6-0276-B0B70EF67A2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33" name="Group 132">
                  <a:extLst>
                    <a:ext uri="{FF2B5EF4-FFF2-40B4-BE49-F238E27FC236}">
                      <a16:creationId xmlns:a16="http://schemas.microsoft.com/office/drawing/2014/main" id="{04543389-F652-1134-0DB6-82F698B85D33}"/>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134" name="Freeform 95">
                    <a:extLst>
                      <a:ext uri="{FF2B5EF4-FFF2-40B4-BE49-F238E27FC236}">
                        <a16:creationId xmlns:a16="http://schemas.microsoft.com/office/drawing/2014/main" id="{99112E3A-B653-6E83-929C-F8D7E17BEB2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5" name="Freeform 95">
                    <a:extLst>
                      <a:ext uri="{FF2B5EF4-FFF2-40B4-BE49-F238E27FC236}">
                        <a16:creationId xmlns:a16="http://schemas.microsoft.com/office/drawing/2014/main" id="{80BEBF14-C85A-ABBA-6EB7-F6728D631DF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6" name="Freeform 95">
                    <a:extLst>
                      <a:ext uri="{FF2B5EF4-FFF2-40B4-BE49-F238E27FC236}">
                        <a16:creationId xmlns:a16="http://schemas.microsoft.com/office/drawing/2014/main" id="{A9249454-44B1-E5FF-4443-EE514C6C8BF9}"/>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104" name="Group 103">
                <a:extLst>
                  <a:ext uri="{FF2B5EF4-FFF2-40B4-BE49-F238E27FC236}">
                    <a16:creationId xmlns:a16="http://schemas.microsoft.com/office/drawing/2014/main" id="{86A3FCCF-E5C9-5CFB-92D5-29666BC8E26C}"/>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129" name="Freeform 95">
                  <a:extLst>
                    <a:ext uri="{FF2B5EF4-FFF2-40B4-BE49-F238E27FC236}">
                      <a16:creationId xmlns:a16="http://schemas.microsoft.com/office/drawing/2014/main" id="{5BDC5FBA-13AB-A02A-A9BF-B135F5DEB484}"/>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0" name="Freeform 95">
                  <a:extLst>
                    <a:ext uri="{FF2B5EF4-FFF2-40B4-BE49-F238E27FC236}">
                      <a16:creationId xmlns:a16="http://schemas.microsoft.com/office/drawing/2014/main" id="{5FF5580E-4289-A47A-0E6D-D9B10AE44C4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1" name="Freeform 95">
                  <a:extLst>
                    <a:ext uri="{FF2B5EF4-FFF2-40B4-BE49-F238E27FC236}">
                      <a16:creationId xmlns:a16="http://schemas.microsoft.com/office/drawing/2014/main" id="{852B65D8-1EE6-EFAA-08C5-D94A45E437BA}"/>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5" name="Group 104">
                <a:extLst>
                  <a:ext uri="{FF2B5EF4-FFF2-40B4-BE49-F238E27FC236}">
                    <a16:creationId xmlns:a16="http://schemas.microsoft.com/office/drawing/2014/main" id="{F876361E-F420-E68D-4032-5119E72C720D}"/>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126" name="Freeform 95">
                  <a:extLst>
                    <a:ext uri="{FF2B5EF4-FFF2-40B4-BE49-F238E27FC236}">
                      <a16:creationId xmlns:a16="http://schemas.microsoft.com/office/drawing/2014/main" id="{D5AD004C-FD0B-4E54-19B6-D78FD97298A1}"/>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7" name="Freeform 95">
                  <a:extLst>
                    <a:ext uri="{FF2B5EF4-FFF2-40B4-BE49-F238E27FC236}">
                      <a16:creationId xmlns:a16="http://schemas.microsoft.com/office/drawing/2014/main" id="{E0449496-C02E-2BD9-3D7E-DDFCE235778E}"/>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8" name="Freeform 95">
                  <a:extLst>
                    <a:ext uri="{FF2B5EF4-FFF2-40B4-BE49-F238E27FC236}">
                      <a16:creationId xmlns:a16="http://schemas.microsoft.com/office/drawing/2014/main" id="{67A9456C-4D90-73B4-176A-2DA2F57BA93E}"/>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6" name="Group 105">
                <a:extLst>
                  <a:ext uri="{FF2B5EF4-FFF2-40B4-BE49-F238E27FC236}">
                    <a16:creationId xmlns:a16="http://schemas.microsoft.com/office/drawing/2014/main" id="{38E5BD11-2D40-7765-EC1E-86D83B646097}"/>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123" name="Freeform 95">
                  <a:extLst>
                    <a:ext uri="{FF2B5EF4-FFF2-40B4-BE49-F238E27FC236}">
                      <a16:creationId xmlns:a16="http://schemas.microsoft.com/office/drawing/2014/main" id="{0373E244-8EA9-5187-A209-FBC220B6111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4" name="Freeform 95">
                  <a:extLst>
                    <a:ext uri="{FF2B5EF4-FFF2-40B4-BE49-F238E27FC236}">
                      <a16:creationId xmlns:a16="http://schemas.microsoft.com/office/drawing/2014/main" id="{5C276027-A3DE-0F81-970D-9DEE9B6F6B48}"/>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5" name="Freeform 95">
                  <a:extLst>
                    <a:ext uri="{FF2B5EF4-FFF2-40B4-BE49-F238E27FC236}">
                      <a16:creationId xmlns:a16="http://schemas.microsoft.com/office/drawing/2014/main" id="{74111488-B421-C8A9-8A9F-9F64F447965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7" name="Group 106">
                <a:extLst>
                  <a:ext uri="{FF2B5EF4-FFF2-40B4-BE49-F238E27FC236}">
                    <a16:creationId xmlns:a16="http://schemas.microsoft.com/office/drawing/2014/main" id="{0319E8BD-5827-1B7C-DED0-C159FE02D5D4}"/>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120" name="Freeform 95">
                  <a:extLst>
                    <a:ext uri="{FF2B5EF4-FFF2-40B4-BE49-F238E27FC236}">
                      <a16:creationId xmlns:a16="http://schemas.microsoft.com/office/drawing/2014/main" id="{06901634-77EC-14B3-25CA-58ED70EE101A}"/>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1" name="Freeform 95">
                  <a:extLst>
                    <a:ext uri="{FF2B5EF4-FFF2-40B4-BE49-F238E27FC236}">
                      <a16:creationId xmlns:a16="http://schemas.microsoft.com/office/drawing/2014/main" id="{B878CA0B-FDEE-814D-1E0D-2CB2598895F1}"/>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2" name="Freeform 95">
                  <a:extLst>
                    <a:ext uri="{FF2B5EF4-FFF2-40B4-BE49-F238E27FC236}">
                      <a16:creationId xmlns:a16="http://schemas.microsoft.com/office/drawing/2014/main" id="{A1504770-ACF9-9328-F6B3-5238276AFB81}"/>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8" name="Group 107">
                <a:extLst>
                  <a:ext uri="{FF2B5EF4-FFF2-40B4-BE49-F238E27FC236}">
                    <a16:creationId xmlns:a16="http://schemas.microsoft.com/office/drawing/2014/main" id="{258F2153-F5F5-BFBA-005C-883F7D6498F9}"/>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117" name="Freeform 95">
                  <a:extLst>
                    <a:ext uri="{FF2B5EF4-FFF2-40B4-BE49-F238E27FC236}">
                      <a16:creationId xmlns:a16="http://schemas.microsoft.com/office/drawing/2014/main" id="{4B982961-C166-4291-A4B6-E967550E468D}"/>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95">
                  <a:extLst>
                    <a:ext uri="{FF2B5EF4-FFF2-40B4-BE49-F238E27FC236}">
                      <a16:creationId xmlns:a16="http://schemas.microsoft.com/office/drawing/2014/main" id="{B56BA18A-D0E2-DFB5-7C97-0DE4AEDC350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9" name="Freeform 95">
                  <a:extLst>
                    <a:ext uri="{FF2B5EF4-FFF2-40B4-BE49-F238E27FC236}">
                      <a16:creationId xmlns:a16="http://schemas.microsoft.com/office/drawing/2014/main" id="{E9CAFB6F-0338-B155-7ECF-9890D5E9203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09" name="Group 108">
                <a:extLst>
                  <a:ext uri="{FF2B5EF4-FFF2-40B4-BE49-F238E27FC236}">
                    <a16:creationId xmlns:a16="http://schemas.microsoft.com/office/drawing/2014/main" id="{AF87F757-CA1D-651E-FA37-71C80A1F2101}"/>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114" name="Freeform 95">
                  <a:extLst>
                    <a:ext uri="{FF2B5EF4-FFF2-40B4-BE49-F238E27FC236}">
                      <a16:creationId xmlns:a16="http://schemas.microsoft.com/office/drawing/2014/main" id="{3F320403-C1C7-C547-DB0A-4C766D20160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5" name="Freeform 95">
                  <a:extLst>
                    <a:ext uri="{FF2B5EF4-FFF2-40B4-BE49-F238E27FC236}">
                      <a16:creationId xmlns:a16="http://schemas.microsoft.com/office/drawing/2014/main" id="{F51B1890-A597-E989-72CB-378BF6383C8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6" name="Freeform 95">
                  <a:extLst>
                    <a:ext uri="{FF2B5EF4-FFF2-40B4-BE49-F238E27FC236}">
                      <a16:creationId xmlns:a16="http://schemas.microsoft.com/office/drawing/2014/main" id="{FB8B0B52-4B52-E5BF-6783-477047F294EE}"/>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110" name="Group 109">
                <a:extLst>
                  <a:ext uri="{FF2B5EF4-FFF2-40B4-BE49-F238E27FC236}">
                    <a16:creationId xmlns:a16="http://schemas.microsoft.com/office/drawing/2014/main" id="{DD8854DC-4835-262A-C87B-3BC498654557}"/>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111" name="Freeform 95">
                  <a:extLst>
                    <a:ext uri="{FF2B5EF4-FFF2-40B4-BE49-F238E27FC236}">
                      <a16:creationId xmlns:a16="http://schemas.microsoft.com/office/drawing/2014/main" id="{104901B7-9060-4042-3B38-15B0BE7BEAB3}"/>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2" name="Freeform 95">
                  <a:extLst>
                    <a:ext uri="{FF2B5EF4-FFF2-40B4-BE49-F238E27FC236}">
                      <a16:creationId xmlns:a16="http://schemas.microsoft.com/office/drawing/2014/main" id="{A9CF4390-90B7-29AD-76F9-BF4E761C58E6}"/>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3" name="Freeform 95">
                  <a:extLst>
                    <a:ext uri="{FF2B5EF4-FFF2-40B4-BE49-F238E27FC236}">
                      <a16:creationId xmlns:a16="http://schemas.microsoft.com/office/drawing/2014/main" id="{4D8EE31D-367D-1FEC-42D4-8521918D3B7C}"/>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pic>
        <p:nvPicPr>
          <p:cNvPr id="6" name="Picture 5">
            <a:extLst>
              <a:ext uri="{FF2B5EF4-FFF2-40B4-BE49-F238E27FC236}">
                <a16:creationId xmlns:a16="http://schemas.microsoft.com/office/drawing/2014/main" id="{B0EAE7BB-4B16-7F82-8046-68984563BA47}"/>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6363805" y="410755"/>
            <a:ext cx="4680000" cy="4680000"/>
          </a:xfrm>
          <a:prstGeom prst="rect">
            <a:avLst/>
          </a:prstGeom>
        </p:spPr>
      </p:pic>
      <p:sp>
        <p:nvSpPr>
          <p:cNvPr id="12" name="Text Placeholder 2">
            <a:extLst>
              <a:ext uri="{FF2B5EF4-FFF2-40B4-BE49-F238E27FC236}">
                <a16:creationId xmlns:a16="http://schemas.microsoft.com/office/drawing/2014/main" id="{2F83CEE2-D054-32A0-6C60-6A2F9D650ADE}"/>
              </a:ext>
            </a:extLst>
          </p:cNvPr>
          <p:cNvSpPr>
            <a:spLocks noGrp="1"/>
          </p:cNvSpPr>
          <p:nvPr>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4" name="Legal dynamic" descr="{&quot;templafy&quot;:{&quot;id&quot;:&quot;3c11548d-97d4-4b56-86e8-28adbd2a2534&quot;}}" title="Form.Cigna_Confidentiality.EvernorthConfidentiality">
            <a:extLst>
              <a:ext uri="{FF2B5EF4-FFF2-40B4-BE49-F238E27FC236}">
                <a16:creationId xmlns:a16="http://schemas.microsoft.com/office/drawing/2014/main" id="{7551AE01-EE7C-0BFC-DDDB-F7BD048FCB81}"/>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a7f8b48e-1e9d-446f-8af0-9266ec090b18&quot;}}" title="Form.Cigna_Confidentiality.Cigna_confidentiality">
            <a:extLst>
              <a:ext uri="{FF2B5EF4-FFF2-40B4-BE49-F238E27FC236}">
                <a16:creationId xmlns:a16="http://schemas.microsoft.com/office/drawing/2014/main" id="{81FC5392-C6AA-30C1-C596-4C3C7B220DC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4020202020204" pitchFamily="34" charset="0"/>
              <a:ea typeface="+mn-ea"/>
              <a:cs typeface="+mn-cs"/>
            </a:endParaRPr>
          </a:p>
        </p:txBody>
      </p:sp>
      <p:pic>
        <p:nvPicPr>
          <p:cNvPr id="1467437836" name="Dynamic logo hypermint" descr="{&quot;templafy&quot;:{&quot;id&quot;:&quot;53d66d2e-8c71-4116-a6b5-f329edad08f8&quot;}}"/>
          <p:cNvPicPr>
            <a:picLocks noChangeAspect="1"/>
          </p:cNvPicPr>
          <p:nvPr/>
        </p:nvPicPr>
        <p:blipFill>
          <a:blip r:embed="rId3"/>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7" name="Date Placeholder 5">
            <a:extLst>
              <a:ext uri="{FF2B5EF4-FFF2-40B4-BE49-F238E27FC236}">
                <a16:creationId xmlns:a16="http://schemas.microsoft.com/office/drawing/2014/main" id="{E33C1640-2688-F0C2-F687-588CB3D62857}"/>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057165344"/>
      </p:ext>
    </p:extLst>
  </p:cSld>
  <p:clrMapOvr>
    <a:overrideClrMapping bg1="dk1" tx1="lt1" bg2="dk2" tx2="lt2" accent1="accent1" accent2="accent2" accent3="accent3" accent4="accent4" accent5="accent5" accent6="accent6" hlink="hlink" folHlink="folHlink"/>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K. Quote">
    <p:bg>
      <p:bgPr>
        <a:solidFill>
          <a:srgbClr val="035C67"/>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225" name="Group 224">
            <a:extLst>
              <a:ext uri="{FF2B5EF4-FFF2-40B4-BE49-F238E27FC236}">
                <a16:creationId xmlns:a16="http://schemas.microsoft.com/office/drawing/2014/main" id="{404F3294-639D-CC9F-6F5E-E0B85C19FFCF}"/>
              </a:ext>
            </a:extLst>
          </p:cNvPr>
          <p:cNvGrpSpPr>
            <a:grpSpLocks noGrp="1" noUngrp="1" noRot="1" noMove="1" noResize="1"/>
          </p:cNvGrpSpPr>
          <p:nvPr userDrawn="1"/>
        </p:nvGrpSpPr>
        <p:grpSpPr>
          <a:xfrm>
            <a:off x="3538575" y="4314726"/>
            <a:ext cx="8681999" cy="2543274"/>
            <a:chOff x="3538575" y="4314726"/>
            <a:chExt cx="8681999" cy="2543274"/>
          </a:xfrm>
        </p:grpSpPr>
        <p:sp>
          <p:nvSpPr>
            <p:cNvPr id="226" name="Freeform: Shape 225">
              <a:extLst>
                <a:ext uri="{FF2B5EF4-FFF2-40B4-BE49-F238E27FC236}">
                  <a16:creationId xmlns:a16="http://schemas.microsoft.com/office/drawing/2014/main" id="{E7E48DBE-B7F2-C1F5-0C16-DBA055375DAA}"/>
                </a:ext>
              </a:extLst>
            </p:cNvPr>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27" name="Freeform 17">
              <a:extLst>
                <a:ext uri="{FF2B5EF4-FFF2-40B4-BE49-F238E27FC236}">
                  <a16:creationId xmlns:a16="http://schemas.microsoft.com/office/drawing/2014/main" id="{AE4B2A46-9532-584D-7556-FCA12806DCC7}"/>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228" name="Group 227">
              <a:extLst>
                <a:ext uri="{FF2B5EF4-FFF2-40B4-BE49-F238E27FC236}">
                  <a16:creationId xmlns:a16="http://schemas.microsoft.com/office/drawing/2014/main" id="{E0F69E36-BBB9-C87A-6958-8EF846A06F90}"/>
                </a:ext>
              </a:extLst>
            </p:cNvPr>
            <p:cNvGrpSpPr>
              <a:grpSpLocks noGrp="1" noUngrp="1" noRot="1" noMove="1" noResize="1"/>
            </p:cNvGrpSpPr>
            <p:nvPr userDrawn="1"/>
          </p:nvGrpSpPr>
          <p:grpSpPr>
            <a:xfrm>
              <a:off x="3731134" y="4555175"/>
              <a:ext cx="4366883" cy="2228438"/>
              <a:chOff x="3644852" y="4555175"/>
              <a:chExt cx="4366883" cy="2228438"/>
            </a:xfrm>
            <a:solidFill>
              <a:schemeClr val="accent1"/>
            </a:solidFill>
          </p:grpSpPr>
          <p:grpSp>
            <p:nvGrpSpPr>
              <p:cNvPr id="229" name="Group 228">
                <a:extLst>
                  <a:ext uri="{FF2B5EF4-FFF2-40B4-BE49-F238E27FC236}">
                    <a16:creationId xmlns:a16="http://schemas.microsoft.com/office/drawing/2014/main" id="{F659F43F-C959-613E-182B-FFD772260289}"/>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258" name="Group 257">
                  <a:extLst>
                    <a:ext uri="{FF2B5EF4-FFF2-40B4-BE49-F238E27FC236}">
                      <a16:creationId xmlns:a16="http://schemas.microsoft.com/office/drawing/2014/main" id="{2FCBF432-ADC6-712A-0DE9-ED920A3D6E5E}"/>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263" name="Freeform 95">
                    <a:extLst>
                      <a:ext uri="{FF2B5EF4-FFF2-40B4-BE49-F238E27FC236}">
                        <a16:creationId xmlns:a16="http://schemas.microsoft.com/office/drawing/2014/main" id="{2A512052-E0A8-1514-87F3-7CCC1FF68C1E}"/>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4" name="Freeform 95">
                    <a:extLst>
                      <a:ext uri="{FF2B5EF4-FFF2-40B4-BE49-F238E27FC236}">
                        <a16:creationId xmlns:a16="http://schemas.microsoft.com/office/drawing/2014/main" id="{07037337-60D3-F5A8-D6FB-2B5DA409393C}"/>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5" name="Freeform 95">
                    <a:extLst>
                      <a:ext uri="{FF2B5EF4-FFF2-40B4-BE49-F238E27FC236}">
                        <a16:creationId xmlns:a16="http://schemas.microsoft.com/office/drawing/2014/main" id="{AA5A727E-6522-5F4E-A9A6-DA0144A4AEA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59" name="Group 258">
                  <a:extLst>
                    <a:ext uri="{FF2B5EF4-FFF2-40B4-BE49-F238E27FC236}">
                      <a16:creationId xmlns:a16="http://schemas.microsoft.com/office/drawing/2014/main" id="{BE2A9780-D32F-4672-DAF0-56140C76225E}"/>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260" name="Freeform 95">
                    <a:extLst>
                      <a:ext uri="{FF2B5EF4-FFF2-40B4-BE49-F238E27FC236}">
                        <a16:creationId xmlns:a16="http://schemas.microsoft.com/office/drawing/2014/main" id="{10D3A7F8-2FDB-0F90-A385-93BF53B3B693}"/>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1" name="Freeform 95">
                    <a:extLst>
                      <a:ext uri="{FF2B5EF4-FFF2-40B4-BE49-F238E27FC236}">
                        <a16:creationId xmlns:a16="http://schemas.microsoft.com/office/drawing/2014/main" id="{09CECC33-2783-2CAD-4C0E-8D744A3C2A2B}"/>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2" name="Freeform 95">
                    <a:extLst>
                      <a:ext uri="{FF2B5EF4-FFF2-40B4-BE49-F238E27FC236}">
                        <a16:creationId xmlns:a16="http://schemas.microsoft.com/office/drawing/2014/main" id="{97889603-538D-9125-FF14-EF0DDD32607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230" name="Group 229">
                <a:extLst>
                  <a:ext uri="{FF2B5EF4-FFF2-40B4-BE49-F238E27FC236}">
                    <a16:creationId xmlns:a16="http://schemas.microsoft.com/office/drawing/2014/main" id="{DBC48B89-53B5-AAC0-177F-70AB6EA45377}"/>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255" name="Freeform 95">
                  <a:extLst>
                    <a:ext uri="{FF2B5EF4-FFF2-40B4-BE49-F238E27FC236}">
                      <a16:creationId xmlns:a16="http://schemas.microsoft.com/office/drawing/2014/main" id="{A7CB98D1-6755-7CBF-D6EF-49F5366C284D}"/>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6" name="Freeform 95">
                  <a:extLst>
                    <a:ext uri="{FF2B5EF4-FFF2-40B4-BE49-F238E27FC236}">
                      <a16:creationId xmlns:a16="http://schemas.microsoft.com/office/drawing/2014/main" id="{3E39FE8E-A9C2-2F16-742B-DEE78396B89F}"/>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7" name="Freeform 95">
                  <a:extLst>
                    <a:ext uri="{FF2B5EF4-FFF2-40B4-BE49-F238E27FC236}">
                      <a16:creationId xmlns:a16="http://schemas.microsoft.com/office/drawing/2014/main" id="{AE61F9B3-4C60-23ED-BBB3-169492F3E67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1" name="Group 230">
                <a:extLst>
                  <a:ext uri="{FF2B5EF4-FFF2-40B4-BE49-F238E27FC236}">
                    <a16:creationId xmlns:a16="http://schemas.microsoft.com/office/drawing/2014/main" id="{3B3C6777-4646-B083-DC8F-CA0A05F0C6CA}"/>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252" name="Freeform 95">
                  <a:extLst>
                    <a:ext uri="{FF2B5EF4-FFF2-40B4-BE49-F238E27FC236}">
                      <a16:creationId xmlns:a16="http://schemas.microsoft.com/office/drawing/2014/main" id="{06A760C2-9F36-266D-2091-68E821C5D3DA}"/>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3" name="Freeform 95">
                  <a:extLst>
                    <a:ext uri="{FF2B5EF4-FFF2-40B4-BE49-F238E27FC236}">
                      <a16:creationId xmlns:a16="http://schemas.microsoft.com/office/drawing/2014/main" id="{E3BBBD4A-85FA-A011-201B-ACF46AE64EA1}"/>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4" name="Freeform 95">
                  <a:extLst>
                    <a:ext uri="{FF2B5EF4-FFF2-40B4-BE49-F238E27FC236}">
                      <a16:creationId xmlns:a16="http://schemas.microsoft.com/office/drawing/2014/main" id="{FACDD09E-DEF8-F797-C83E-DC26C5864EE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2" name="Group 231">
                <a:extLst>
                  <a:ext uri="{FF2B5EF4-FFF2-40B4-BE49-F238E27FC236}">
                    <a16:creationId xmlns:a16="http://schemas.microsoft.com/office/drawing/2014/main" id="{A3AB5505-411A-11BC-2FE9-60161371333B}"/>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249" name="Freeform 95">
                  <a:extLst>
                    <a:ext uri="{FF2B5EF4-FFF2-40B4-BE49-F238E27FC236}">
                      <a16:creationId xmlns:a16="http://schemas.microsoft.com/office/drawing/2014/main" id="{C16051EC-F038-1ADF-8F60-95E33FF86CA8}"/>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0" name="Freeform 95">
                  <a:extLst>
                    <a:ext uri="{FF2B5EF4-FFF2-40B4-BE49-F238E27FC236}">
                      <a16:creationId xmlns:a16="http://schemas.microsoft.com/office/drawing/2014/main" id="{0BBA8DED-ACB9-FE7B-E0EA-27BBD38FAE65}"/>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1" name="Freeform 95">
                  <a:extLst>
                    <a:ext uri="{FF2B5EF4-FFF2-40B4-BE49-F238E27FC236}">
                      <a16:creationId xmlns:a16="http://schemas.microsoft.com/office/drawing/2014/main" id="{E8BCE5E5-D023-8194-3E47-E85B038E342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3" name="Group 232">
                <a:extLst>
                  <a:ext uri="{FF2B5EF4-FFF2-40B4-BE49-F238E27FC236}">
                    <a16:creationId xmlns:a16="http://schemas.microsoft.com/office/drawing/2014/main" id="{E7B57EBA-2EBC-C294-1EAA-97EA3886155D}"/>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246" name="Freeform 95">
                  <a:extLst>
                    <a:ext uri="{FF2B5EF4-FFF2-40B4-BE49-F238E27FC236}">
                      <a16:creationId xmlns:a16="http://schemas.microsoft.com/office/drawing/2014/main" id="{E0F39A3E-A641-47FA-EA8B-382D228022F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7" name="Freeform 95">
                  <a:extLst>
                    <a:ext uri="{FF2B5EF4-FFF2-40B4-BE49-F238E27FC236}">
                      <a16:creationId xmlns:a16="http://schemas.microsoft.com/office/drawing/2014/main" id="{F51D8229-49CA-C733-D258-FC568615302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8" name="Freeform 95">
                  <a:extLst>
                    <a:ext uri="{FF2B5EF4-FFF2-40B4-BE49-F238E27FC236}">
                      <a16:creationId xmlns:a16="http://schemas.microsoft.com/office/drawing/2014/main" id="{751E08E4-7114-3938-0C71-6BC2E52BD9F9}"/>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4" name="Group 233">
                <a:extLst>
                  <a:ext uri="{FF2B5EF4-FFF2-40B4-BE49-F238E27FC236}">
                    <a16:creationId xmlns:a16="http://schemas.microsoft.com/office/drawing/2014/main" id="{F30EE37F-E554-C657-38E4-EE5DB2BB95B5}"/>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243" name="Freeform 95">
                  <a:extLst>
                    <a:ext uri="{FF2B5EF4-FFF2-40B4-BE49-F238E27FC236}">
                      <a16:creationId xmlns:a16="http://schemas.microsoft.com/office/drawing/2014/main" id="{D1E4AE13-5AA8-4726-DAE7-848749E6BDB9}"/>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4" name="Freeform 95">
                  <a:extLst>
                    <a:ext uri="{FF2B5EF4-FFF2-40B4-BE49-F238E27FC236}">
                      <a16:creationId xmlns:a16="http://schemas.microsoft.com/office/drawing/2014/main" id="{84CD3A1E-D0C1-55BD-07B9-810F2E711E25}"/>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5" name="Freeform 95">
                  <a:extLst>
                    <a:ext uri="{FF2B5EF4-FFF2-40B4-BE49-F238E27FC236}">
                      <a16:creationId xmlns:a16="http://schemas.microsoft.com/office/drawing/2014/main" id="{6F9F1290-D144-0833-AB9B-84EB6983092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5" name="Group 234">
                <a:extLst>
                  <a:ext uri="{FF2B5EF4-FFF2-40B4-BE49-F238E27FC236}">
                    <a16:creationId xmlns:a16="http://schemas.microsoft.com/office/drawing/2014/main" id="{FED58282-9F9C-D5DD-9B6A-D8762A79092C}"/>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240" name="Freeform 95">
                  <a:extLst>
                    <a:ext uri="{FF2B5EF4-FFF2-40B4-BE49-F238E27FC236}">
                      <a16:creationId xmlns:a16="http://schemas.microsoft.com/office/drawing/2014/main" id="{94A30F6D-87C1-3186-9006-283511C6E49F}"/>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1" name="Freeform 95">
                  <a:extLst>
                    <a:ext uri="{FF2B5EF4-FFF2-40B4-BE49-F238E27FC236}">
                      <a16:creationId xmlns:a16="http://schemas.microsoft.com/office/drawing/2014/main" id="{BFC220D7-901F-BD32-5197-D14B540F538E}"/>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2" name="Freeform 95">
                  <a:extLst>
                    <a:ext uri="{FF2B5EF4-FFF2-40B4-BE49-F238E27FC236}">
                      <a16:creationId xmlns:a16="http://schemas.microsoft.com/office/drawing/2014/main" id="{CCC962B5-9D72-CA06-8109-C1CB9498BE6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6" name="Group 235">
                <a:extLst>
                  <a:ext uri="{FF2B5EF4-FFF2-40B4-BE49-F238E27FC236}">
                    <a16:creationId xmlns:a16="http://schemas.microsoft.com/office/drawing/2014/main" id="{41225CDF-35B5-8606-19B2-7393EAAF4315}"/>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237" name="Freeform 95">
                  <a:extLst>
                    <a:ext uri="{FF2B5EF4-FFF2-40B4-BE49-F238E27FC236}">
                      <a16:creationId xmlns:a16="http://schemas.microsoft.com/office/drawing/2014/main" id="{5D4D485F-B7AD-C57A-4A5F-A4BB8270D3EE}"/>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8" name="Freeform 95">
                  <a:extLst>
                    <a:ext uri="{FF2B5EF4-FFF2-40B4-BE49-F238E27FC236}">
                      <a16:creationId xmlns:a16="http://schemas.microsoft.com/office/drawing/2014/main" id="{CDD18812-84E0-F5D1-3E51-438DAC66CA42}"/>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9" name="Freeform 95">
                  <a:extLst>
                    <a:ext uri="{FF2B5EF4-FFF2-40B4-BE49-F238E27FC236}">
                      <a16:creationId xmlns:a16="http://schemas.microsoft.com/office/drawing/2014/main" id="{6FCB57F1-CA81-FEDD-1011-B11F4CBEC623}"/>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pic>
        <p:nvPicPr>
          <p:cNvPr id="61" name="Picture 60">
            <a:extLst>
              <a:ext uri="{FF2B5EF4-FFF2-40B4-BE49-F238E27FC236}">
                <a16:creationId xmlns:a16="http://schemas.microsoft.com/office/drawing/2014/main" id="{359E9019-41CE-2B76-CC4D-663718BB596F}"/>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6319516" y="-231535"/>
            <a:ext cx="4709702" cy="5335007"/>
          </a:xfrm>
          <a:prstGeom prst="rect">
            <a:avLst/>
          </a:prstGeom>
        </p:spPr>
      </p:pic>
      <p:sp>
        <p:nvSpPr>
          <p:cNvPr id="12" name="Text Placeholder 2">
            <a:extLst>
              <a:ext uri="{FF2B5EF4-FFF2-40B4-BE49-F238E27FC236}">
                <a16:creationId xmlns:a16="http://schemas.microsoft.com/office/drawing/2014/main" id="{2F83CEE2-D054-32A0-6C60-6A2F9D650ADE}"/>
              </a:ext>
            </a:extLst>
          </p:cNvPr>
          <p:cNvSpPr>
            <a:spLocks noGrp="1"/>
          </p:cNvSpPr>
          <p:nvPr>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4" name="Legal dynamic" descr="{&quot;templafy&quot;:{&quot;id&quot;:&quot;f1897897-b72a-47e3-aaeb-ffc0c63520c2&quot;}}" title="Form.Cigna_Confidentiality.EvernorthConfidentiality">
            <a:extLst>
              <a:ext uri="{FF2B5EF4-FFF2-40B4-BE49-F238E27FC236}">
                <a16:creationId xmlns:a16="http://schemas.microsoft.com/office/drawing/2014/main" id="{7551AE01-EE7C-0BFC-DDDB-F7BD048FCB81}"/>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9cdc5b43-b857-412e-95f1-63cb26e2352d&quot;}}" title="Form.Cigna_Confidentiality.Cigna_confidentiality">
            <a:extLst>
              <a:ext uri="{FF2B5EF4-FFF2-40B4-BE49-F238E27FC236}">
                <a16:creationId xmlns:a16="http://schemas.microsoft.com/office/drawing/2014/main" id="{81FC5392-C6AA-30C1-C596-4C3C7B220DC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4020202020204" pitchFamily="34" charset="0"/>
              <a:ea typeface="+mn-ea"/>
              <a:cs typeface="+mn-cs"/>
            </a:endParaRPr>
          </a:p>
        </p:txBody>
      </p:sp>
      <p:pic>
        <p:nvPicPr>
          <p:cNvPr id="1886078469" name="Dynamic logo hypermint" descr="{&quot;templafy&quot;:{&quot;id&quot;:&quot;c0f90d67-0ea5-45d6-adff-be78ae1068e2&quot;}}"/>
          <p:cNvPicPr>
            <a:picLocks noChangeAspect="1"/>
          </p:cNvPicPr>
          <p:nvPr/>
        </p:nvPicPr>
        <p:blipFill>
          <a:blip r:embed="rId3"/>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71CFEA6D-9624-1DA4-1B94-989A09ABEA77}"/>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596133298"/>
      </p:ext>
    </p:extLst>
  </p:cSld>
  <p:clrMapOvr>
    <a:overrideClrMapping bg1="dk1" tx1="lt1" bg2="dk2" tx2="lt2" accent1="accent1" accent2="accent2" accent3="accent3" accent4="accent4" accent5="accent5" accent6="accent6" hlink="hlink" folHlink="folHlink"/>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A. Quote and Imag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7" name="Group 96">
            <a:extLst>
              <a:ext uri="{FF2B5EF4-FFF2-40B4-BE49-F238E27FC236}">
                <a16:creationId xmlns:a16="http://schemas.microsoft.com/office/drawing/2014/main" id="{7E5B5A0B-53B2-EAFE-8BC8-887D2ED8516C}"/>
              </a:ext>
            </a:extLst>
          </p:cNvPr>
          <p:cNvGrpSpPr>
            <a:grpSpLocks noGrp="1" noUngrp="1" noRot="1" noMove="1" noResize="1"/>
          </p:cNvGrpSpPr>
          <p:nvPr userDrawn="1"/>
        </p:nvGrpSpPr>
        <p:grpSpPr>
          <a:xfrm>
            <a:off x="3538575" y="4314726"/>
            <a:ext cx="8681999" cy="2543274"/>
            <a:chOff x="3538575" y="4314726"/>
            <a:chExt cx="8681999" cy="2543274"/>
          </a:xfrm>
        </p:grpSpPr>
        <p:sp>
          <p:nvSpPr>
            <p:cNvPr id="57" name="Freeform: Shape 56">
              <a:extLst>
                <a:ext uri="{FF2B5EF4-FFF2-40B4-BE49-F238E27FC236}">
                  <a16:creationId xmlns:a16="http://schemas.microsoft.com/office/drawing/2014/main" id="{65A410F1-3B21-758E-8F9A-7B09A52F5CC7}"/>
                </a:ext>
              </a:extLst>
            </p:cNvPr>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58" name="Freeform 17">
              <a:extLst>
                <a:ext uri="{FF2B5EF4-FFF2-40B4-BE49-F238E27FC236}">
                  <a16:creationId xmlns:a16="http://schemas.microsoft.com/office/drawing/2014/main" id="{3FBBE6F3-67F8-70FA-364E-5CF2F20914AD}"/>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90B9F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59" name="Group 58">
              <a:extLst>
                <a:ext uri="{FF2B5EF4-FFF2-40B4-BE49-F238E27FC236}">
                  <a16:creationId xmlns:a16="http://schemas.microsoft.com/office/drawing/2014/main" id="{35C1DB47-861E-9408-F0C1-2AA96C20E83F}"/>
                </a:ext>
              </a:extLst>
            </p:cNvPr>
            <p:cNvGrpSpPr>
              <a:grpSpLocks noGrp="1" noUngrp="1" noRot="1" noMove="1" noResize="1"/>
            </p:cNvGrpSpPr>
            <p:nvPr userDrawn="1"/>
          </p:nvGrpSpPr>
          <p:grpSpPr>
            <a:xfrm>
              <a:off x="3731134" y="4555175"/>
              <a:ext cx="4366883" cy="2228438"/>
              <a:chOff x="3644852" y="4555175"/>
              <a:chExt cx="4366883" cy="2228438"/>
            </a:xfrm>
            <a:solidFill>
              <a:srgbClr val="035C67"/>
            </a:solidFill>
          </p:grpSpPr>
          <p:grpSp>
            <p:nvGrpSpPr>
              <p:cNvPr id="60" name="Group 59">
                <a:extLst>
                  <a:ext uri="{FF2B5EF4-FFF2-40B4-BE49-F238E27FC236}">
                    <a16:creationId xmlns:a16="http://schemas.microsoft.com/office/drawing/2014/main" id="{F65EABEB-B8B5-4530-FDD7-7F93A90E0C66}"/>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89" name="Group 88">
                  <a:extLst>
                    <a:ext uri="{FF2B5EF4-FFF2-40B4-BE49-F238E27FC236}">
                      <a16:creationId xmlns:a16="http://schemas.microsoft.com/office/drawing/2014/main" id="{34DD42FD-8602-534F-213E-527B49ACD648}"/>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94" name="Freeform 95">
                    <a:extLst>
                      <a:ext uri="{FF2B5EF4-FFF2-40B4-BE49-F238E27FC236}">
                        <a16:creationId xmlns:a16="http://schemas.microsoft.com/office/drawing/2014/main" id="{406D5802-B43E-7BA1-CBC8-C1163C6EC4C4}"/>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95">
                    <a:extLst>
                      <a:ext uri="{FF2B5EF4-FFF2-40B4-BE49-F238E27FC236}">
                        <a16:creationId xmlns:a16="http://schemas.microsoft.com/office/drawing/2014/main" id="{E5EBC164-4611-8781-C69D-7C96B806F34F}"/>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95">
                    <a:extLst>
                      <a:ext uri="{FF2B5EF4-FFF2-40B4-BE49-F238E27FC236}">
                        <a16:creationId xmlns:a16="http://schemas.microsoft.com/office/drawing/2014/main" id="{16557719-7A50-8184-29EB-85BC2A6AE41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90" name="Group 89">
                  <a:extLst>
                    <a:ext uri="{FF2B5EF4-FFF2-40B4-BE49-F238E27FC236}">
                      <a16:creationId xmlns:a16="http://schemas.microsoft.com/office/drawing/2014/main" id="{70A04E59-D15B-524A-CD35-96B72ED0662C}"/>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91" name="Freeform 95">
                    <a:extLst>
                      <a:ext uri="{FF2B5EF4-FFF2-40B4-BE49-F238E27FC236}">
                        <a16:creationId xmlns:a16="http://schemas.microsoft.com/office/drawing/2014/main" id="{C107AD52-D394-2190-BD78-71EDAF651B3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95">
                    <a:extLst>
                      <a:ext uri="{FF2B5EF4-FFF2-40B4-BE49-F238E27FC236}">
                        <a16:creationId xmlns:a16="http://schemas.microsoft.com/office/drawing/2014/main" id="{B664E606-57CB-F90F-5405-8F9201A0340E}"/>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95">
                    <a:extLst>
                      <a:ext uri="{FF2B5EF4-FFF2-40B4-BE49-F238E27FC236}">
                        <a16:creationId xmlns:a16="http://schemas.microsoft.com/office/drawing/2014/main" id="{9307C207-9CBB-0C10-9B88-F18F311E460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61" name="Group 60">
                <a:extLst>
                  <a:ext uri="{FF2B5EF4-FFF2-40B4-BE49-F238E27FC236}">
                    <a16:creationId xmlns:a16="http://schemas.microsoft.com/office/drawing/2014/main" id="{85B6BA64-D83A-CF25-1F9B-401709C56D86}"/>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86" name="Freeform 95">
                  <a:extLst>
                    <a:ext uri="{FF2B5EF4-FFF2-40B4-BE49-F238E27FC236}">
                      <a16:creationId xmlns:a16="http://schemas.microsoft.com/office/drawing/2014/main" id="{4E24C004-3650-01AA-19D0-151BA0787BF9}"/>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95">
                  <a:extLst>
                    <a:ext uri="{FF2B5EF4-FFF2-40B4-BE49-F238E27FC236}">
                      <a16:creationId xmlns:a16="http://schemas.microsoft.com/office/drawing/2014/main" id="{ECDA1B30-1391-1A14-E145-67653058EEC8}"/>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95">
                  <a:extLst>
                    <a:ext uri="{FF2B5EF4-FFF2-40B4-BE49-F238E27FC236}">
                      <a16:creationId xmlns:a16="http://schemas.microsoft.com/office/drawing/2014/main" id="{4CB567A1-A5E7-E4B4-CFFF-3BA159E09E7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2" name="Group 61">
                <a:extLst>
                  <a:ext uri="{FF2B5EF4-FFF2-40B4-BE49-F238E27FC236}">
                    <a16:creationId xmlns:a16="http://schemas.microsoft.com/office/drawing/2014/main" id="{49F07E19-A6EB-00F9-06FA-A9D76F450C14}"/>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83" name="Freeform 95">
                  <a:extLst>
                    <a:ext uri="{FF2B5EF4-FFF2-40B4-BE49-F238E27FC236}">
                      <a16:creationId xmlns:a16="http://schemas.microsoft.com/office/drawing/2014/main" id="{1973ECBD-E20E-85B5-A74A-2F4B65172B53}"/>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95">
                  <a:extLst>
                    <a:ext uri="{FF2B5EF4-FFF2-40B4-BE49-F238E27FC236}">
                      <a16:creationId xmlns:a16="http://schemas.microsoft.com/office/drawing/2014/main" id="{E892AD59-BFB3-E8CE-759E-09A5E8CC09AB}"/>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95">
                  <a:extLst>
                    <a:ext uri="{FF2B5EF4-FFF2-40B4-BE49-F238E27FC236}">
                      <a16:creationId xmlns:a16="http://schemas.microsoft.com/office/drawing/2014/main" id="{3257B740-78A9-AE5A-A48C-7E475CA5546C}"/>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3" name="Group 62">
                <a:extLst>
                  <a:ext uri="{FF2B5EF4-FFF2-40B4-BE49-F238E27FC236}">
                    <a16:creationId xmlns:a16="http://schemas.microsoft.com/office/drawing/2014/main" id="{534BD2D9-95B1-636C-CC09-E2070228380A}"/>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80" name="Freeform 95">
                  <a:extLst>
                    <a:ext uri="{FF2B5EF4-FFF2-40B4-BE49-F238E27FC236}">
                      <a16:creationId xmlns:a16="http://schemas.microsoft.com/office/drawing/2014/main" id="{F8EF1F3E-71E5-F862-FE98-E4C8738C2928}"/>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95">
                  <a:extLst>
                    <a:ext uri="{FF2B5EF4-FFF2-40B4-BE49-F238E27FC236}">
                      <a16:creationId xmlns:a16="http://schemas.microsoft.com/office/drawing/2014/main" id="{CADF335E-57F6-2E38-122A-DC5762DC90DB}"/>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95">
                  <a:extLst>
                    <a:ext uri="{FF2B5EF4-FFF2-40B4-BE49-F238E27FC236}">
                      <a16:creationId xmlns:a16="http://schemas.microsoft.com/office/drawing/2014/main" id="{8F989C2E-96D7-711F-678F-51CFC9359287}"/>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4" name="Group 63">
                <a:extLst>
                  <a:ext uri="{FF2B5EF4-FFF2-40B4-BE49-F238E27FC236}">
                    <a16:creationId xmlns:a16="http://schemas.microsoft.com/office/drawing/2014/main" id="{A32F1EB6-8C69-7B5E-A0D6-240C0FC5B628}"/>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77" name="Freeform 95">
                  <a:extLst>
                    <a:ext uri="{FF2B5EF4-FFF2-40B4-BE49-F238E27FC236}">
                      <a16:creationId xmlns:a16="http://schemas.microsoft.com/office/drawing/2014/main" id="{85F55892-6BE1-47FD-0928-81C65BC2DDE2}"/>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95">
                  <a:extLst>
                    <a:ext uri="{FF2B5EF4-FFF2-40B4-BE49-F238E27FC236}">
                      <a16:creationId xmlns:a16="http://schemas.microsoft.com/office/drawing/2014/main" id="{A046AE19-C999-4E00-802F-B4D7F7D66ADD}"/>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95">
                  <a:extLst>
                    <a:ext uri="{FF2B5EF4-FFF2-40B4-BE49-F238E27FC236}">
                      <a16:creationId xmlns:a16="http://schemas.microsoft.com/office/drawing/2014/main" id="{E54CBAC5-44FD-1C88-16B3-ABE2C92E8E2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5" name="Group 64">
                <a:extLst>
                  <a:ext uri="{FF2B5EF4-FFF2-40B4-BE49-F238E27FC236}">
                    <a16:creationId xmlns:a16="http://schemas.microsoft.com/office/drawing/2014/main" id="{F93BD44E-12FA-BA6C-AA15-041F2D735882}"/>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74" name="Freeform 95">
                  <a:extLst>
                    <a:ext uri="{FF2B5EF4-FFF2-40B4-BE49-F238E27FC236}">
                      <a16:creationId xmlns:a16="http://schemas.microsoft.com/office/drawing/2014/main" id="{B23ADD05-AE4A-21F9-B6AB-E3CDD4B7662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95">
                  <a:extLst>
                    <a:ext uri="{FF2B5EF4-FFF2-40B4-BE49-F238E27FC236}">
                      <a16:creationId xmlns:a16="http://schemas.microsoft.com/office/drawing/2014/main" id="{FDD79F79-5A76-79D0-DC87-519A1F1DEA79}"/>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95">
                  <a:extLst>
                    <a:ext uri="{FF2B5EF4-FFF2-40B4-BE49-F238E27FC236}">
                      <a16:creationId xmlns:a16="http://schemas.microsoft.com/office/drawing/2014/main" id="{5894FB06-AD21-ACBC-6A67-EB1F270F1144}"/>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6" name="Group 65">
                <a:extLst>
                  <a:ext uri="{FF2B5EF4-FFF2-40B4-BE49-F238E27FC236}">
                    <a16:creationId xmlns:a16="http://schemas.microsoft.com/office/drawing/2014/main" id="{A003B227-CCEA-232F-D2BD-2B0248C9104D}"/>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71" name="Freeform 95">
                  <a:extLst>
                    <a:ext uri="{FF2B5EF4-FFF2-40B4-BE49-F238E27FC236}">
                      <a16:creationId xmlns:a16="http://schemas.microsoft.com/office/drawing/2014/main" id="{0F227EF3-6AED-6717-0A02-8C4406808E5F}"/>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95">
                  <a:extLst>
                    <a:ext uri="{FF2B5EF4-FFF2-40B4-BE49-F238E27FC236}">
                      <a16:creationId xmlns:a16="http://schemas.microsoft.com/office/drawing/2014/main" id="{20F7C60F-2DCD-399F-CECF-ECBCF456390F}"/>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95">
                  <a:extLst>
                    <a:ext uri="{FF2B5EF4-FFF2-40B4-BE49-F238E27FC236}">
                      <a16:creationId xmlns:a16="http://schemas.microsoft.com/office/drawing/2014/main" id="{2C550306-ABF2-0007-72CE-C069BB88BA87}"/>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7" name="Group 66">
                <a:extLst>
                  <a:ext uri="{FF2B5EF4-FFF2-40B4-BE49-F238E27FC236}">
                    <a16:creationId xmlns:a16="http://schemas.microsoft.com/office/drawing/2014/main" id="{3DF7819D-0137-247B-9321-F5D195EBFC15}"/>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68" name="Freeform 95">
                  <a:extLst>
                    <a:ext uri="{FF2B5EF4-FFF2-40B4-BE49-F238E27FC236}">
                      <a16:creationId xmlns:a16="http://schemas.microsoft.com/office/drawing/2014/main" id="{AF4BAE80-1281-E182-239E-FBFA9906E23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95">
                  <a:extLst>
                    <a:ext uri="{FF2B5EF4-FFF2-40B4-BE49-F238E27FC236}">
                      <a16:creationId xmlns:a16="http://schemas.microsoft.com/office/drawing/2014/main" id="{C247BF67-D6A3-C2D8-CB41-48935BED2ED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95">
                  <a:extLst>
                    <a:ext uri="{FF2B5EF4-FFF2-40B4-BE49-F238E27FC236}">
                      <a16:creationId xmlns:a16="http://schemas.microsoft.com/office/drawing/2014/main" id="{C410E7E2-6990-FBD3-A000-E6276502BB0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sp>
        <p:nvSpPr>
          <p:cNvPr id="5" name="Pictureplaceholder">
            <a:extLst>
              <a:ext uri="{FF2B5EF4-FFF2-40B4-BE49-F238E27FC236}">
                <a16:creationId xmlns:a16="http://schemas.microsoft.com/office/drawing/2014/main" id="{C7A4651C-9F6A-95E2-8CA1-38DB6B8BA231}"/>
              </a:ext>
            </a:extLst>
          </p:cNvPr>
          <p:cNvSpPr>
            <a:spLocks noGrp="1" noChangeAspect="1"/>
          </p:cNvSpPr>
          <p:nvPr userDrawn="1">
            <p:ph type="pic" sz="quarter" idx="16"/>
          </p:nvPr>
        </p:nvSpPr>
        <p:spPr>
          <a:xfrm>
            <a:off x="6307200" y="355510"/>
            <a:ext cx="4737600" cy="4737600"/>
          </a:xfrm>
          <a:custGeom>
            <a:avLst/>
            <a:gdLst>
              <a:gd name="connsiteX0" fmla="*/ 1893604 w 4734000"/>
              <a:gd name="connsiteY0" fmla="*/ 0 h 4734000"/>
              <a:gd name="connsiteX1" fmla="*/ 2841049 w 4734000"/>
              <a:gd name="connsiteY1" fmla="*/ 0 h 4734000"/>
              <a:gd name="connsiteX2" fmla="*/ 3156821 w 4734000"/>
              <a:gd name="connsiteY2" fmla="*/ 315772 h 4734000"/>
              <a:gd name="connsiteX3" fmla="*/ 3156821 w 4734000"/>
              <a:gd name="connsiteY3" fmla="*/ 1342547 h 4734000"/>
              <a:gd name="connsiteX4" fmla="*/ 3393650 w 4734000"/>
              <a:gd name="connsiteY4" fmla="*/ 1579376 h 4734000"/>
              <a:gd name="connsiteX5" fmla="*/ 4420167 w 4734000"/>
              <a:gd name="connsiteY5" fmla="*/ 1579376 h 4734000"/>
              <a:gd name="connsiteX6" fmla="*/ 4729524 w 4734000"/>
              <a:gd name="connsiteY6" fmla="*/ 1831509 h 4734000"/>
              <a:gd name="connsiteX7" fmla="*/ 4734000 w 4734000"/>
              <a:gd name="connsiteY7" fmla="*/ 1875914 h 4734000"/>
              <a:gd name="connsiteX8" fmla="*/ 4734000 w 4734000"/>
              <a:gd name="connsiteY8" fmla="*/ 2861827 h 4734000"/>
              <a:gd name="connsiteX9" fmla="*/ 4729524 w 4734000"/>
              <a:gd name="connsiteY9" fmla="*/ 2906232 h 4734000"/>
              <a:gd name="connsiteX10" fmla="*/ 4420167 w 4734000"/>
              <a:gd name="connsiteY10" fmla="*/ 3158365 h 4734000"/>
              <a:gd name="connsiteX11" fmla="*/ 3393650 w 4734000"/>
              <a:gd name="connsiteY11" fmla="*/ 3158365 h 4734000"/>
              <a:gd name="connsiteX12" fmla="*/ 3156821 w 4734000"/>
              <a:gd name="connsiteY12" fmla="*/ 3395194 h 4734000"/>
              <a:gd name="connsiteX13" fmla="*/ 3156821 w 4734000"/>
              <a:gd name="connsiteY13" fmla="*/ 4421711 h 4734000"/>
              <a:gd name="connsiteX14" fmla="*/ 2904688 w 4734000"/>
              <a:gd name="connsiteY14" fmla="*/ 4731068 h 4734000"/>
              <a:gd name="connsiteX15" fmla="*/ 2875601 w 4734000"/>
              <a:gd name="connsiteY15" fmla="*/ 4734000 h 4734000"/>
              <a:gd name="connsiteX16" fmla="*/ 1861483 w 4734000"/>
              <a:gd name="connsiteY16" fmla="*/ 4734000 h 4734000"/>
              <a:gd name="connsiteX17" fmla="*/ 1829836 w 4734000"/>
              <a:gd name="connsiteY17" fmla="*/ 4730810 h 4734000"/>
              <a:gd name="connsiteX18" fmla="*/ 1577703 w 4734000"/>
              <a:gd name="connsiteY18" fmla="*/ 4421453 h 4734000"/>
              <a:gd name="connsiteX19" fmla="*/ 1577703 w 4734000"/>
              <a:gd name="connsiteY19" fmla="*/ 3394936 h 4734000"/>
              <a:gd name="connsiteX20" fmla="*/ 1340874 w 4734000"/>
              <a:gd name="connsiteY20" fmla="*/ 3158107 h 4734000"/>
              <a:gd name="connsiteX21" fmla="*/ 314357 w 4734000"/>
              <a:gd name="connsiteY21" fmla="*/ 3158107 h 4734000"/>
              <a:gd name="connsiteX22" fmla="*/ 5001 w 4734000"/>
              <a:gd name="connsiteY22" fmla="*/ 2905974 h 4734000"/>
              <a:gd name="connsiteX23" fmla="*/ 0 w 4734000"/>
              <a:gd name="connsiteY23" fmla="*/ 2856372 h 4734000"/>
              <a:gd name="connsiteX24" fmla="*/ 0 w 4734000"/>
              <a:gd name="connsiteY24" fmla="*/ 1880853 h 4734000"/>
              <a:gd name="connsiteX25" fmla="*/ 5001 w 4734000"/>
              <a:gd name="connsiteY25" fmla="*/ 1831251 h 4734000"/>
              <a:gd name="connsiteX26" fmla="*/ 314357 w 4734000"/>
              <a:gd name="connsiteY26" fmla="*/ 1579118 h 4734000"/>
              <a:gd name="connsiteX27" fmla="*/ 1341003 w 4734000"/>
              <a:gd name="connsiteY27" fmla="*/ 1579118 h 4734000"/>
              <a:gd name="connsiteX28" fmla="*/ 1577832 w 4734000"/>
              <a:gd name="connsiteY28" fmla="*/ 1342289 h 4734000"/>
              <a:gd name="connsiteX29" fmla="*/ 1577832 w 4734000"/>
              <a:gd name="connsiteY29" fmla="*/ 315772 h 4734000"/>
              <a:gd name="connsiteX30" fmla="*/ 1893604 w 4734000"/>
              <a:gd name="connsiteY30" fmla="*/ 0 h 473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734000" h="4734000">
                <a:moveTo>
                  <a:pt x="1893604" y="0"/>
                </a:moveTo>
                <a:lnTo>
                  <a:pt x="2841049" y="0"/>
                </a:lnTo>
                <a:cubicBezTo>
                  <a:pt x="3015446" y="0"/>
                  <a:pt x="3156821" y="141375"/>
                  <a:pt x="3156821" y="315772"/>
                </a:cubicBezTo>
                <a:lnTo>
                  <a:pt x="3156821" y="1342547"/>
                </a:lnTo>
                <a:cubicBezTo>
                  <a:pt x="3156821" y="1473345"/>
                  <a:pt x="3262852" y="1579376"/>
                  <a:pt x="3393650" y="1579376"/>
                </a:cubicBezTo>
                <a:lnTo>
                  <a:pt x="4420167" y="1579376"/>
                </a:lnTo>
                <a:cubicBezTo>
                  <a:pt x="4572764" y="1579376"/>
                  <a:pt x="4700079" y="1687616"/>
                  <a:pt x="4729524" y="1831509"/>
                </a:cubicBezTo>
                <a:lnTo>
                  <a:pt x="4734000" y="1875914"/>
                </a:lnTo>
                <a:lnTo>
                  <a:pt x="4734000" y="2861827"/>
                </a:lnTo>
                <a:lnTo>
                  <a:pt x="4729524" y="2906232"/>
                </a:lnTo>
                <a:cubicBezTo>
                  <a:pt x="4700079" y="3050125"/>
                  <a:pt x="4572764" y="3158365"/>
                  <a:pt x="4420167" y="3158365"/>
                </a:cubicBezTo>
                <a:lnTo>
                  <a:pt x="3393650" y="3158365"/>
                </a:lnTo>
                <a:cubicBezTo>
                  <a:pt x="3262852" y="3158365"/>
                  <a:pt x="3156821" y="3264396"/>
                  <a:pt x="3156821" y="3395194"/>
                </a:cubicBezTo>
                <a:lnTo>
                  <a:pt x="3156821" y="4421711"/>
                </a:lnTo>
                <a:cubicBezTo>
                  <a:pt x="3156821" y="4574309"/>
                  <a:pt x="3048581" y="4701624"/>
                  <a:pt x="2904688" y="4731068"/>
                </a:cubicBezTo>
                <a:lnTo>
                  <a:pt x="2875601" y="4734000"/>
                </a:lnTo>
                <a:lnTo>
                  <a:pt x="1861483" y="4734000"/>
                </a:lnTo>
                <a:lnTo>
                  <a:pt x="1829836" y="4730810"/>
                </a:lnTo>
                <a:cubicBezTo>
                  <a:pt x="1685944" y="4701366"/>
                  <a:pt x="1577703" y="4574051"/>
                  <a:pt x="1577703" y="4421453"/>
                </a:cubicBezTo>
                <a:lnTo>
                  <a:pt x="1577703" y="3394936"/>
                </a:lnTo>
                <a:cubicBezTo>
                  <a:pt x="1577703" y="3264138"/>
                  <a:pt x="1471672" y="3158107"/>
                  <a:pt x="1340874" y="3158107"/>
                </a:cubicBezTo>
                <a:lnTo>
                  <a:pt x="314357" y="3158107"/>
                </a:lnTo>
                <a:cubicBezTo>
                  <a:pt x="161760" y="3158107"/>
                  <a:pt x="34445" y="3049867"/>
                  <a:pt x="5001" y="2905974"/>
                </a:cubicBezTo>
                <a:lnTo>
                  <a:pt x="0" y="2856372"/>
                </a:lnTo>
                <a:lnTo>
                  <a:pt x="0" y="1880853"/>
                </a:lnTo>
                <a:lnTo>
                  <a:pt x="5001" y="1831251"/>
                </a:lnTo>
                <a:cubicBezTo>
                  <a:pt x="34445" y="1687358"/>
                  <a:pt x="161760" y="1579118"/>
                  <a:pt x="314357" y="1579118"/>
                </a:cubicBezTo>
                <a:lnTo>
                  <a:pt x="1341003" y="1579118"/>
                </a:lnTo>
                <a:cubicBezTo>
                  <a:pt x="1471801" y="1579118"/>
                  <a:pt x="1577832" y="1473087"/>
                  <a:pt x="1577832" y="1342289"/>
                </a:cubicBezTo>
                <a:lnTo>
                  <a:pt x="1577832" y="315772"/>
                </a:lnTo>
                <a:cubicBezTo>
                  <a:pt x="1577832" y="141375"/>
                  <a:pt x="1719207" y="0"/>
                  <a:pt x="1893604" y="0"/>
                </a:cubicBezTo>
                <a:close/>
              </a:path>
            </a:pathLst>
          </a:custGeom>
          <a:solidFill>
            <a:schemeClr val="bg1">
              <a:lumMod val="75000"/>
            </a:schemeClr>
          </a:solidFill>
        </p:spPr>
        <p:txBody>
          <a:bodyPr wrap="square" tIns="576000" anchor="ctr" anchorCtr="0">
            <a:noAutofit/>
          </a:bodyPr>
          <a:lstStyle>
            <a:lvl1pPr marL="0" indent="0" algn="ctr">
              <a:buNone/>
              <a:defRPr sz="1600">
                <a:solidFill>
                  <a:schemeClr val="tx1"/>
                </a:solidFill>
              </a:defRPr>
            </a:lvl1pPr>
          </a:lstStyle>
          <a:p>
            <a:r>
              <a:rPr lang="en-US"/>
              <a:t>Click icon to add picture</a:t>
            </a:r>
          </a:p>
        </p:txBody>
      </p:sp>
      <p:sp>
        <p:nvSpPr>
          <p:cNvPr id="7" name="Text Placeholder 2"/>
          <p:cNvSpPr>
            <a:spLocks noGrp="1"/>
          </p:cNvSpPr>
          <p:nvPr userDrawn="1">
            <p:ph type="body" sz="quarter" idx="13" hasCustomPrompt="1"/>
          </p:nvPr>
        </p:nvSpPr>
        <p:spPr>
          <a:xfrm>
            <a:off x="358776" y="1327355"/>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accent3"/>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accent4"/>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accent4"/>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2" name="Legal dynamic" descr="{&quot;templafy&quot;:{&quot;id&quot;:&quot;848d1e20-d139-4250-9944-94fd70262ed5&quot;}}" title="Form.Cigna_Confidentiality.EvernorthConfidentiality">
            <a:extLst>
              <a:ext uri="{FF2B5EF4-FFF2-40B4-BE49-F238E27FC236}">
                <a16:creationId xmlns:a16="http://schemas.microsoft.com/office/drawing/2014/main" id="{C5AC1E1C-A5C9-9BAA-955A-997F9A5BCF63}"/>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6" name="Internal Stamp dynamic" descr="{&quot;templafy&quot;:{&quot;id&quot;:&quot;c982f34f-309e-4795-a948-a9872641096b&quot;}}" title="Form.Cigna_Confidentiality.Cigna_confidentiality">
            <a:extLst>
              <a:ext uri="{FF2B5EF4-FFF2-40B4-BE49-F238E27FC236}">
                <a16:creationId xmlns:a16="http://schemas.microsoft.com/office/drawing/2014/main" id="{91243659-5596-BA74-1247-0A96F8F04F30}"/>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544465399" name="Dynamic logo dark mint" descr="{&quot;templafy&quot;:{&quot;id&quot;:&quot;76d88e6b-d641-4d2e-b7cc-275c4f27c48a&quot;}}"/>
          <p:cNvPicPr>
            <a:picLocks noChangeAspect="1"/>
          </p:cNvPicPr>
          <p:nvPr/>
        </p:nvPicPr>
        <p:blipFill>
          <a:blip r:embed="rId2"/>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4" name="Date Placeholder 5">
            <a:extLst>
              <a:ext uri="{FF2B5EF4-FFF2-40B4-BE49-F238E27FC236}">
                <a16:creationId xmlns:a16="http://schemas.microsoft.com/office/drawing/2014/main" id="{5C0A820C-A79D-B7B3-F402-29B98CAB873C}"/>
              </a:ext>
            </a:extLst>
          </p:cNvPr>
          <p:cNvSpPr>
            <a:spLocks noGrp="1"/>
          </p:cNvSpPr>
          <p:nvPr>
            <p:ph type="dt" sz="half" idx="17"/>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11313334"/>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B. Quote and Image">
    <p:bg>
      <p:bgPr>
        <a:solidFill>
          <a:srgbClr val="008F83"/>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97" name="Group 96">
            <a:extLst>
              <a:ext uri="{FF2B5EF4-FFF2-40B4-BE49-F238E27FC236}">
                <a16:creationId xmlns:a16="http://schemas.microsoft.com/office/drawing/2014/main" id="{18274754-3A27-7A32-D25A-AB71EA22E7D2}"/>
              </a:ext>
            </a:extLst>
          </p:cNvPr>
          <p:cNvGrpSpPr>
            <a:grpSpLocks noGrp="1" noUngrp="1" noRot="1" noMove="1" noResize="1"/>
          </p:cNvGrpSpPr>
          <p:nvPr userDrawn="1"/>
        </p:nvGrpSpPr>
        <p:grpSpPr>
          <a:xfrm>
            <a:off x="3538575" y="4314726"/>
            <a:ext cx="8681999" cy="2543274"/>
            <a:chOff x="3538575" y="4314726"/>
            <a:chExt cx="8681999" cy="2543274"/>
          </a:xfrm>
        </p:grpSpPr>
        <p:sp>
          <p:nvSpPr>
            <p:cNvPr id="57" name="Freeform: Shape 56">
              <a:extLst>
                <a:ext uri="{FF2B5EF4-FFF2-40B4-BE49-F238E27FC236}">
                  <a16:creationId xmlns:a16="http://schemas.microsoft.com/office/drawing/2014/main" id="{66AC853B-3456-B1C4-A30D-0DD009F3F337}"/>
                </a:ext>
              </a:extLst>
            </p:cNvPr>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rgbClr val="3EFFC0"/>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58" name="Freeform 17">
              <a:extLst>
                <a:ext uri="{FF2B5EF4-FFF2-40B4-BE49-F238E27FC236}">
                  <a16:creationId xmlns:a16="http://schemas.microsoft.com/office/drawing/2014/main" id="{549C1EAC-381C-CFB1-CA09-B651B3899B0F}"/>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59" name="Group 58">
              <a:extLst>
                <a:ext uri="{FF2B5EF4-FFF2-40B4-BE49-F238E27FC236}">
                  <a16:creationId xmlns:a16="http://schemas.microsoft.com/office/drawing/2014/main" id="{784A2791-62D3-1D78-8080-36E4739C4F72}"/>
                </a:ext>
              </a:extLst>
            </p:cNvPr>
            <p:cNvGrpSpPr>
              <a:grpSpLocks noGrp="1" noUngrp="1" noRot="1" noMove="1" noResize="1"/>
            </p:cNvGrpSpPr>
            <p:nvPr userDrawn="1"/>
          </p:nvGrpSpPr>
          <p:grpSpPr>
            <a:xfrm>
              <a:off x="3731134" y="4555175"/>
              <a:ext cx="4366883" cy="2228438"/>
              <a:chOff x="3644852" y="4555175"/>
              <a:chExt cx="4366883" cy="2228438"/>
            </a:xfrm>
            <a:solidFill>
              <a:srgbClr val="008F83"/>
            </a:solidFill>
          </p:grpSpPr>
          <p:grpSp>
            <p:nvGrpSpPr>
              <p:cNvPr id="60" name="Group 59">
                <a:extLst>
                  <a:ext uri="{FF2B5EF4-FFF2-40B4-BE49-F238E27FC236}">
                    <a16:creationId xmlns:a16="http://schemas.microsoft.com/office/drawing/2014/main" id="{88840B0E-32BD-FCAF-CA38-6F664E9CAE05}"/>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89" name="Group 88">
                  <a:extLst>
                    <a:ext uri="{FF2B5EF4-FFF2-40B4-BE49-F238E27FC236}">
                      <a16:creationId xmlns:a16="http://schemas.microsoft.com/office/drawing/2014/main" id="{9C71D04A-BE21-2FD7-9112-F63BD6018D17}"/>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94" name="Freeform 95">
                    <a:extLst>
                      <a:ext uri="{FF2B5EF4-FFF2-40B4-BE49-F238E27FC236}">
                        <a16:creationId xmlns:a16="http://schemas.microsoft.com/office/drawing/2014/main" id="{424778BE-A234-234F-0F80-D4CF988A1AED}"/>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95">
                    <a:extLst>
                      <a:ext uri="{FF2B5EF4-FFF2-40B4-BE49-F238E27FC236}">
                        <a16:creationId xmlns:a16="http://schemas.microsoft.com/office/drawing/2014/main" id="{F1567979-1868-6549-92F1-D8D21A8B9F26}"/>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95">
                    <a:extLst>
                      <a:ext uri="{FF2B5EF4-FFF2-40B4-BE49-F238E27FC236}">
                        <a16:creationId xmlns:a16="http://schemas.microsoft.com/office/drawing/2014/main" id="{930C9143-CE5A-36E4-3BC6-3D23C41885A7}"/>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90" name="Group 89">
                  <a:extLst>
                    <a:ext uri="{FF2B5EF4-FFF2-40B4-BE49-F238E27FC236}">
                      <a16:creationId xmlns:a16="http://schemas.microsoft.com/office/drawing/2014/main" id="{8C655A00-9F4B-A363-5974-89D35E2393CC}"/>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91" name="Freeform 95">
                    <a:extLst>
                      <a:ext uri="{FF2B5EF4-FFF2-40B4-BE49-F238E27FC236}">
                        <a16:creationId xmlns:a16="http://schemas.microsoft.com/office/drawing/2014/main" id="{3F64E590-1020-59F8-973F-B821F2ED5D07}"/>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95">
                    <a:extLst>
                      <a:ext uri="{FF2B5EF4-FFF2-40B4-BE49-F238E27FC236}">
                        <a16:creationId xmlns:a16="http://schemas.microsoft.com/office/drawing/2014/main" id="{C8DA0949-457C-DC4D-0EF6-6658FCCC2A24}"/>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95">
                    <a:extLst>
                      <a:ext uri="{FF2B5EF4-FFF2-40B4-BE49-F238E27FC236}">
                        <a16:creationId xmlns:a16="http://schemas.microsoft.com/office/drawing/2014/main" id="{2C8DE873-C1BB-57C0-B9E7-EBFDB06990E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61" name="Group 60">
                <a:extLst>
                  <a:ext uri="{FF2B5EF4-FFF2-40B4-BE49-F238E27FC236}">
                    <a16:creationId xmlns:a16="http://schemas.microsoft.com/office/drawing/2014/main" id="{FA48A02D-D31E-EE6A-E3FE-610755D6640A}"/>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86" name="Freeform 95">
                  <a:extLst>
                    <a:ext uri="{FF2B5EF4-FFF2-40B4-BE49-F238E27FC236}">
                      <a16:creationId xmlns:a16="http://schemas.microsoft.com/office/drawing/2014/main" id="{6BC73CF9-20AD-7301-7E96-785DEF2E4DE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95">
                  <a:extLst>
                    <a:ext uri="{FF2B5EF4-FFF2-40B4-BE49-F238E27FC236}">
                      <a16:creationId xmlns:a16="http://schemas.microsoft.com/office/drawing/2014/main" id="{223C381C-BFFE-B985-E43D-A422E515B929}"/>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95">
                  <a:extLst>
                    <a:ext uri="{FF2B5EF4-FFF2-40B4-BE49-F238E27FC236}">
                      <a16:creationId xmlns:a16="http://schemas.microsoft.com/office/drawing/2014/main" id="{1F4DF2A3-66F8-26E8-D416-9E6E4E79F1B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2" name="Group 61">
                <a:extLst>
                  <a:ext uri="{FF2B5EF4-FFF2-40B4-BE49-F238E27FC236}">
                    <a16:creationId xmlns:a16="http://schemas.microsoft.com/office/drawing/2014/main" id="{DDB7BA4E-DC11-6FBC-7D97-951EB0D390EF}"/>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83" name="Freeform 95">
                  <a:extLst>
                    <a:ext uri="{FF2B5EF4-FFF2-40B4-BE49-F238E27FC236}">
                      <a16:creationId xmlns:a16="http://schemas.microsoft.com/office/drawing/2014/main" id="{74B242FE-5747-B64D-F77C-E9EA0202211F}"/>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95">
                  <a:extLst>
                    <a:ext uri="{FF2B5EF4-FFF2-40B4-BE49-F238E27FC236}">
                      <a16:creationId xmlns:a16="http://schemas.microsoft.com/office/drawing/2014/main" id="{676C19E4-8392-2C67-6921-3AE800C04D50}"/>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95">
                  <a:extLst>
                    <a:ext uri="{FF2B5EF4-FFF2-40B4-BE49-F238E27FC236}">
                      <a16:creationId xmlns:a16="http://schemas.microsoft.com/office/drawing/2014/main" id="{305913DB-2347-7813-F59F-E40334445F4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3" name="Group 62">
                <a:extLst>
                  <a:ext uri="{FF2B5EF4-FFF2-40B4-BE49-F238E27FC236}">
                    <a16:creationId xmlns:a16="http://schemas.microsoft.com/office/drawing/2014/main" id="{36140475-B842-7510-907D-7AD30C31DD0C}"/>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80" name="Freeform 95">
                  <a:extLst>
                    <a:ext uri="{FF2B5EF4-FFF2-40B4-BE49-F238E27FC236}">
                      <a16:creationId xmlns:a16="http://schemas.microsoft.com/office/drawing/2014/main" id="{6FBACA6D-0CF6-BF3A-BC35-56A7CE35EF58}"/>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95">
                  <a:extLst>
                    <a:ext uri="{FF2B5EF4-FFF2-40B4-BE49-F238E27FC236}">
                      <a16:creationId xmlns:a16="http://schemas.microsoft.com/office/drawing/2014/main" id="{F19CA27B-660D-55FE-384B-7E13A519CD2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95">
                  <a:extLst>
                    <a:ext uri="{FF2B5EF4-FFF2-40B4-BE49-F238E27FC236}">
                      <a16:creationId xmlns:a16="http://schemas.microsoft.com/office/drawing/2014/main" id="{C9311207-F457-D42E-C945-2F91F110E3DE}"/>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4" name="Group 63">
                <a:extLst>
                  <a:ext uri="{FF2B5EF4-FFF2-40B4-BE49-F238E27FC236}">
                    <a16:creationId xmlns:a16="http://schemas.microsoft.com/office/drawing/2014/main" id="{33540548-BF19-4724-D8E8-DE0623E35FC3}"/>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77" name="Freeform 95">
                  <a:extLst>
                    <a:ext uri="{FF2B5EF4-FFF2-40B4-BE49-F238E27FC236}">
                      <a16:creationId xmlns:a16="http://schemas.microsoft.com/office/drawing/2014/main" id="{73179480-32B1-CB20-72F7-2D3E73B6EECC}"/>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95">
                  <a:extLst>
                    <a:ext uri="{FF2B5EF4-FFF2-40B4-BE49-F238E27FC236}">
                      <a16:creationId xmlns:a16="http://schemas.microsoft.com/office/drawing/2014/main" id="{D75FA4FE-BCF4-58EA-00B8-26060D2ADDB8}"/>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95">
                  <a:extLst>
                    <a:ext uri="{FF2B5EF4-FFF2-40B4-BE49-F238E27FC236}">
                      <a16:creationId xmlns:a16="http://schemas.microsoft.com/office/drawing/2014/main" id="{8637F1C8-0F9D-9D5B-F1E6-03DFA441B0C6}"/>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5" name="Group 64">
                <a:extLst>
                  <a:ext uri="{FF2B5EF4-FFF2-40B4-BE49-F238E27FC236}">
                    <a16:creationId xmlns:a16="http://schemas.microsoft.com/office/drawing/2014/main" id="{970127B0-8D72-7E1A-76F4-5FBCE6C9A3E7}"/>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74" name="Freeform 95">
                  <a:extLst>
                    <a:ext uri="{FF2B5EF4-FFF2-40B4-BE49-F238E27FC236}">
                      <a16:creationId xmlns:a16="http://schemas.microsoft.com/office/drawing/2014/main" id="{7CD5998D-6F5A-FB7B-9F95-B906CFE939A9}"/>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95">
                  <a:extLst>
                    <a:ext uri="{FF2B5EF4-FFF2-40B4-BE49-F238E27FC236}">
                      <a16:creationId xmlns:a16="http://schemas.microsoft.com/office/drawing/2014/main" id="{CAFA89F2-7102-946C-DAC0-8ED6F9832B1C}"/>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95">
                  <a:extLst>
                    <a:ext uri="{FF2B5EF4-FFF2-40B4-BE49-F238E27FC236}">
                      <a16:creationId xmlns:a16="http://schemas.microsoft.com/office/drawing/2014/main" id="{0172026A-D930-6359-5A8A-BEAB59F536D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6" name="Group 65">
                <a:extLst>
                  <a:ext uri="{FF2B5EF4-FFF2-40B4-BE49-F238E27FC236}">
                    <a16:creationId xmlns:a16="http://schemas.microsoft.com/office/drawing/2014/main" id="{2F5B7406-2D3C-94AF-4DA5-4370A78D9479}"/>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71" name="Freeform 95">
                  <a:extLst>
                    <a:ext uri="{FF2B5EF4-FFF2-40B4-BE49-F238E27FC236}">
                      <a16:creationId xmlns:a16="http://schemas.microsoft.com/office/drawing/2014/main" id="{6E4C7DCB-0BC2-CEA8-2019-A82CC3279286}"/>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95">
                  <a:extLst>
                    <a:ext uri="{FF2B5EF4-FFF2-40B4-BE49-F238E27FC236}">
                      <a16:creationId xmlns:a16="http://schemas.microsoft.com/office/drawing/2014/main" id="{3207CE0A-FE49-CEC0-933F-5274C30D8842}"/>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95">
                  <a:extLst>
                    <a:ext uri="{FF2B5EF4-FFF2-40B4-BE49-F238E27FC236}">
                      <a16:creationId xmlns:a16="http://schemas.microsoft.com/office/drawing/2014/main" id="{71C6A356-CD89-5AA4-6597-1BF11056BEE4}"/>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67" name="Group 66">
                <a:extLst>
                  <a:ext uri="{FF2B5EF4-FFF2-40B4-BE49-F238E27FC236}">
                    <a16:creationId xmlns:a16="http://schemas.microsoft.com/office/drawing/2014/main" id="{A004D100-08F3-3557-067D-D19946C9BC0C}"/>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68" name="Freeform 95">
                  <a:extLst>
                    <a:ext uri="{FF2B5EF4-FFF2-40B4-BE49-F238E27FC236}">
                      <a16:creationId xmlns:a16="http://schemas.microsoft.com/office/drawing/2014/main" id="{721A4F82-2AD3-66D7-2628-D91E045FE49C}"/>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95">
                  <a:extLst>
                    <a:ext uri="{FF2B5EF4-FFF2-40B4-BE49-F238E27FC236}">
                      <a16:creationId xmlns:a16="http://schemas.microsoft.com/office/drawing/2014/main" id="{755C3D09-2B2E-AAD4-AD0F-4764BE26C8EB}"/>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95">
                  <a:extLst>
                    <a:ext uri="{FF2B5EF4-FFF2-40B4-BE49-F238E27FC236}">
                      <a16:creationId xmlns:a16="http://schemas.microsoft.com/office/drawing/2014/main" id="{CCF64737-3DB4-5C34-8A38-53A24062AE9D}"/>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sp>
        <p:nvSpPr>
          <p:cNvPr id="6" name="Pictureplaceholder">
            <a:extLst>
              <a:ext uri="{FF2B5EF4-FFF2-40B4-BE49-F238E27FC236}">
                <a16:creationId xmlns:a16="http://schemas.microsoft.com/office/drawing/2014/main" id="{9315929D-D762-A5C0-0D8B-DAEC35D69CA9}"/>
              </a:ext>
            </a:extLst>
          </p:cNvPr>
          <p:cNvSpPr>
            <a:spLocks noGrp="1" noChangeAspect="1"/>
          </p:cNvSpPr>
          <p:nvPr userDrawn="1">
            <p:ph type="pic" sz="quarter" idx="17"/>
          </p:nvPr>
        </p:nvSpPr>
        <p:spPr>
          <a:xfrm>
            <a:off x="6307200" y="355510"/>
            <a:ext cx="4737600" cy="4737600"/>
          </a:xfrm>
          <a:custGeom>
            <a:avLst/>
            <a:gdLst>
              <a:gd name="connsiteX0" fmla="*/ 1893604 w 4734000"/>
              <a:gd name="connsiteY0" fmla="*/ 0 h 4734000"/>
              <a:gd name="connsiteX1" fmla="*/ 2841049 w 4734000"/>
              <a:gd name="connsiteY1" fmla="*/ 0 h 4734000"/>
              <a:gd name="connsiteX2" fmla="*/ 3156821 w 4734000"/>
              <a:gd name="connsiteY2" fmla="*/ 315772 h 4734000"/>
              <a:gd name="connsiteX3" fmla="*/ 3156821 w 4734000"/>
              <a:gd name="connsiteY3" fmla="*/ 1342547 h 4734000"/>
              <a:gd name="connsiteX4" fmla="*/ 3393650 w 4734000"/>
              <a:gd name="connsiteY4" fmla="*/ 1579376 h 4734000"/>
              <a:gd name="connsiteX5" fmla="*/ 4420167 w 4734000"/>
              <a:gd name="connsiteY5" fmla="*/ 1579376 h 4734000"/>
              <a:gd name="connsiteX6" fmla="*/ 4729524 w 4734000"/>
              <a:gd name="connsiteY6" fmla="*/ 1831509 h 4734000"/>
              <a:gd name="connsiteX7" fmla="*/ 4734000 w 4734000"/>
              <a:gd name="connsiteY7" fmla="*/ 1875914 h 4734000"/>
              <a:gd name="connsiteX8" fmla="*/ 4734000 w 4734000"/>
              <a:gd name="connsiteY8" fmla="*/ 2861827 h 4734000"/>
              <a:gd name="connsiteX9" fmla="*/ 4729524 w 4734000"/>
              <a:gd name="connsiteY9" fmla="*/ 2906232 h 4734000"/>
              <a:gd name="connsiteX10" fmla="*/ 4420167 w 4734000"/>
              <a:gd name="connsiteY10" fmla="*/ 3158365 h 4734000"/>
              <a:gd name="connsiteX11" fmla="*/ 3393650 w 4734000"/>
              <a:gd name="connsiteY11" fmla="*/ 3158365 h 4734000"/>
              <a:gd name="connsiteX12" fmla="*/ 3156821 w 4734000"/>
              <a:gd name="connsiteY12" fmla="*/ 3395194 h 4734000"/>
              <a:gd name="connsiteX13" fmla="*/ 3156821 w 4734000"/>
              <a:gd name="connsiteY13" fmla="*/ 4421711 h 4734000"/>
              <a:gd name="connsiteX14" fmla="*/ 2904688 w 4734000"/>
              <a:gd name="connsiteY14" fmla="*/ 4731068 h 4734000"/>
              <a:gd name="connsiteX15" fmla="*/ 2875601 w 4734000"/>
              <a:gd name="connsiteY15" fmla="*/ 4734000 h 4734000"/>
              <a:gd name="connsiteX16" fmla="*/ 1861483 w 4734000"/>
              <a:gd name="connsiteY16" fmla="*/ 4734000 h 4734000"/>
              <a:gd name="connsiteX17" fmla="*/ 1829836 w 4734000"/>
              <a:gd name="connsiteY17" fmla="*/ 4730810 h 4734000"/>
              <a:gd name="connsiteX18" fmla="*/ 1577703 w 4734000"/>
              <a:gd name="connsiteY18" fmla="*/ 4421453 h 4734000"/>
              <a:gd name="connsiteX19" fmla="*/ 1577703 w 4734000"/>
              <a:gd name="connsiteY19" fmla="*/ 3394936 h 4734000"/>
              <a:gd name="connsiteX20" fmla="*/ 1340874 w 4734000"/>
              <a:gd name="connsiteY20" fmla="*/ 3158107 h 4734000"/>
              <a:gd name="connsiteX21" fmla="*/ 314357 w 4734000"/>
              <a:gd name="connsiteY21" fmla="*/ 3158107 h 4734000"/>
              <a:gd name="connsiteX22" fmla="*/ 5001 w 4734000"/>
              <a:gd name="connsiteY22" fmla="*/ 2905974 h 4734000"/>
              <a:gd name="connsiteX23" fmla="*/ 0 w 4734000"/>
              <a:gd name="connsiteY23" fmla="*/ 2856372 h 4734000"/>
              <a:gd name="connsiteX24" fmla="*/ 0 w 4734000"/>
              <a:gd name="connsiteY24" fmla="*/ 1880853 h 4734000"/>
              <a:gd name="connsiteX25" fmla="*/ 5001 w 4734000"/>
              <a:gd name="connsiteY25" fmla="*/ 1831251 h 4734000"/>
              <a:gd name="connsiteX26" fmla="*/ 314357 w 4734000"/>
              <a:gd name="connsiteY26" fmla="*/ 1579118 h 4734000"/>
              <a:gd name="connsiteX27" fmla="*/ 1341003 w 4734000"/>
              <a:gd name="connsiteY27" fmla="*/ 1579118 h 4734000"/>
              <a:gd name="connsiteX28" fmla="*/ 1577832 w 4734000"/>
              <a:gd name="connsiteY28" fmla="*/ 1342289 h 4734000"/>
              <a:gd name="connsiteX29" fmla="*/ 1577832 w 4734000"/>
              <a:gd name="connsiteY29" fmla="*/ 315772 h 4734000"/>
              <a:gd name="connsiteX30" fmla="*/ 1893604 w 4734000"/>
              <a:gd name="connsiteY30" fmla="*/ 0 h 473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734000" h="4734000">
                <a:moveTo>
                  <a:pt x="1893604" y="0"/>
                </a:moveTo>
                <a:lnTo>
                  <a:pt x="2841049" y="0"/>
                </a:lnTo>
                <a:cubicBezTo>
                  <a:pt x="3015446" y="0"/>
                  <a:pt x="3156821" y="141375"/>
                  <a:pt x="3156821" y="315772"/>
                </a:cubicBezTo>
                <a:lnTo>
                  <a:pt x="3156821" y="1342547"/>
                </a:lnTo>
                <a:cubicBezTo>
                  <a:pt x="3156821" y="1473345"/>
                  <a:pt x="3262852" y="1579376"/>
                  <a:pt x="3393650" y="1579376"/>
                </a:cubicBezTo>
                <a:lnTo>
                  <a:pt x="4420167" y="1579376"/>
                </a:lnTo>
                <a:cubicBezTo>
                  <a:pt x="4572764" y="1579376"/>
                  <a:pt x="4700079" y="1687616"/>
                  <a:pt x="4729524" y="1831509"/>
                </a:cubicBezTo>
                <a:lnTo>
                  <a:pt x="4734000" y="1875914"/>
                </a:lnTo>
                <a:lnTo>
                  <a:pt x="4734000" y="2861827"/>
                </a:lnTo>
                <a:lnTo>
                  <a:pt x="4729524" y="2906232"/>
                </a:lnTo>
                <a:cubicBezTo>
                  <a:pt x="4700079" y="3050125"/>
                  <a:pt x="4572764" y="3158365"/>
                  <a:pt x="4420167" y="3158365"/>
                </a:cubicBezTo>
                <a:lnTo>
                  <a:pt x="3393650" y="3158365"/>
                </a:lnTo>
                <a:cubicBezTo>
                  <a:pt x="3262852" y="3158365"/>
                  <a:pt x="3156821" y="3264396"/>
                  <a:pt x="3156821" y="3395194"/>
                </a:cubicBezTo>
                <a:lnTo>
                  <a:pt x="3156821" y="4421711"/>
                </a:lnTo>
                <a:cubicBezTo>
                  <a:pt x="3156821" y="4574309"/>
                  <a:pt x="3048581" y="4701624"/>
                  <a:pt x="2904688" y="4731068"/>
                </a:cubicBezTo>
                <a:lnTo>
                  <a:pt x="2875601" y="4734000"/>
                </a:lnTo>
                <a:lnTo>
                  <a:pt x="1861483" y="4734000"/>
                </a:lnTo>
                <a:lnTo>
                  <a:pt x="1829836" y="4730810"/>
                </a:lnTo>
                <a:cubicBezTo>
                  <a:pt x="1685944" y="4701366"/>
                  <a:pt x="1577703" y="4574051"/>
                  <a:pt x="1577703" y="4421453"/>
                </a:cubicBezTo>
                <a:lnTo>
                  <a:pt x="1577703" y="3394936"/>
                </a:lnTo>
                <a:cubicBezTo>
                  <a:pt x="1577703" y="3264138"/>
                  <a:pt x="1471672" y="3158107"/>
                  <a:pt x="1340874" y="3158107"/>
                </a:cubicBezTo>
                <a:lnTo>
                  <a:pt x="314357" y="3158107"/>
                </a:lnTo>
                <a:cubicBezTo>
                  <a:pt x="161760" y="3158107"/>
                  <a:pt x="34445" y="3049867"/>
                  <a:pt x="5001" y="2905974"/>
                </a:cubicBezTo>
                <a:lnTo>
                  <a:pt x="0" y="2856372"/>
                </a:lnTo>
                <a:lnTo>
                  <a:pt x="0" y="1880853"/>
                </a:lnTo>
                <a:lnTo>
                  <a:pt x="5001" y="1831251"/>
                </a:lnTo>
                <a:cubicBezTo>
                  <a:pt x="34445" y="1687358"/>
                  <a:pt x="161760" y="1579118"/>
                  <a:pt x="314357" y="1579118"/>
                </a:cubicBezTo>
                <a:lnTo>
                  <a:pt x="1341003" y="1579118"/>
                </a:lnTo>
                <a:cubicBezTo>
                  <a:pt x="1471801" y="1579118"/>
                  <a:pt x="1577832" y="1473087"/>
                  <a:pt x="1577832" y="1342289"/>
                </a:cubicBezTo>
                <a:lnTo>
                  <a:pt x="1577832" y="315772"/>
                </a:lnTo>
                <a:cubicBezTo>
                  <a:pt x="1577832" y="141375"/>
                  <a:pt x="1719207" y="0"/>
                  <a:pt x="1893604" y="0"/>
                </a:cubicBezTo>
                <a:close/>
              </a:path>
            </a:pathLst>
          </a:custGeom>
          <a:solidFill>
            <a:srgbClr val="BFBFBF"/>
          </a:solidFill>
        </p:spPr>
        <p:txBody>
          <a:bodyPr wrap="square" tIns="576000" anchor="ctr" anchorCtr="0">
            <a:noAutofit/>
          </a:bodyPr>
          <a:lstStyle>
            <a:lvl1pPr marL="0" indent="0" algn="ctr">
              <a:buNone/>
              <a:defRPr sz="1600">
                <a:solidFill>
                  <a:schemeClr val="bg1"/>
                </a:solidFill>
              </a:defRPr>
            </a:lvl1pPr>
          </a:lstStyle>
          <a:p>
            <a:r>
              <a:rPr lang="en-US"/>
              <a:t>Click icon to add picture</a:t>
            </a:r>
          </a:p>
        </p:txBody>
      </p:sp>
      <p:sp>
        <p:nvSpPr>
          <p:cNvPr id="12" name="Text Placeholder 2">
            <a:extLst>
              <a:ext uri="{FF2B5EF4-FFF2-40B4-BE49-F238E27FC236}">
                <a16:creationId xmlns:a16="http://schemas.microsoft.com/office/drawing/2014/main" id="{2F83CEE2-D054-32A0-6C60-6A2F9D650ADE}"/>
              </a:ext>
            </a:extLst>
          </p:cNvPr>
          <p:cNvSpPr>
            <a:spLocks noGrp="1"/>
          </p:cNvSpPr>
          <p:nvPr userDrawn="1">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4" name="Legal dynamic" descr="{&quot;templafy&quot;:{&quot;id&quot;:&quot;1c65511a-fb9b-448a-b30b-d749ac280de6&quot;}}" title="Form.Cigna_Confidentiality.EvernorthConfidentiality">
            <a:extLst>
              <a:ext uri="{FF2B5EF4-FFF2-40B4-BE49-F238E27FC236}">
                <a16:creationId xmlns:a16="http://schemas.microsoft.com/office/drawing/2014/main" id="{7551AE01-EE7C-0BFC-DDDB-F7BD048FCB81}"/>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24aaa90f-6dcf-468e-8e1c-e2896ac3d92f&quot;}}" title="Form.Cigna_Confidentiality.Cigna_confidentiality">
            <a:extLst>
              <a:ext uri="{FF2B5EF4-FFF2-40B4-BE49-F238E27FC236}">
                <a16:creationId xmlns:a16="http://schemas.microsoft.com/office/drawing/2014/main" id="{81FC5392-C6AA-30C1-C596-4C3C7B220DC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4020202020204" pitchFamily="34" charset="0"/>
              <a:ea typeface="+mn-ea"/>
              <a:cs typeface="+mn-cs"/>
            </a:endParaRPr>
          </a:p>
        </p:txBody>
      </p:sp>
      <p:pic>
        <p:nvPicPr>
          <p:cNvPr id="1027650141" name="Dynamic logo hypermint" descr="{&quot;templafy&quot;:{&quot;id&quot;:&quot;3d50b752-fd53-44db-9026-08a39c3e750a&quot;}}"/>
          <p:cNvPicPr>
            <a:picLocks noChangeAspect="1"/>
          </p:cNvPicPr>
          <p:nvPr/>
        </p:nvPicPr>
        <p:blipFill>
          <a:blip r:embed="rId2"/>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7" name="Date Placeholder 5">
            <a:extLst>
              <a:ext uri="{FF2B5EF4-FFF2-40B4-BE49-F238E27FC236}">
                <a16:creationId xmlns:a16="http://schemas.microsoft.com/office/drawing/2014/main" id="{4D48462C-FE43-8DF8-CAAC-1449A8D3CCF0}"/>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308978377"/>
      </p:ext>
    </p:extLst>
  </p:cSld>
  <p:clrMapOvr>
    <a:overrideClrMapping bg1="dk1" tx1="lt1" bg2="dk2" tx2="lt2" accent1="accent1" accent2="accent2" accent3="accent3" accent4="accent4" accent5="accent5" accent6="accent6" hlink="hlink" folHlink="folHlink"/>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C. Quote and Image">
    <p:bg>
      <p:bgPr>
        <a:solidFill>
          <a:srgbClr val="035C67"/>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ACF02C55-7208-48B3-80BE-7F51B362FBEA}"/>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chemeClr val="tx1"/>
              </a:solidFill>
            </a:endParaRPr>
          </a:p>
        </p:txBody>
      </p:sp>
      <p:grpSp>
        <p:nvGrpSpPr>
          <p:cNvPr id="67" name="Group 66">
            <a:extLst>
              <a:ext uri="{FF2B5EF4-FFF2-40B4-BE49-F238E27FC236}">
                <a16:creationId xmlns:a16="http://schemas.microsoft.com/office/drawing/2014/main" id="{AB10166E-4F94-4F96-F07B-3C5AE5FEEC08}"/>
              </a:ext>
            </a:extLst>
          </p:cNvPr>
          <p:cNvGrpSpPr>
            <a:grpSpLocks noGrp="1" noUngrp="1" noRot="1" noMove="1" noResize="1"/>
          </p:cNvGrpSpPr>
          <p:nvPr userDrawn="1"/>
        </p:nvGrpSpPr>
        <p:grpSpPr>
          <a:xfrm>
            <a:off x="3538575" y="4314726"/>
            <a:ext cx="8681999" cy="2543274"/>
            <a:chOff x="3538575" y="4314726"/>
            <a:chExt cx="8681999" cy="2543274"/>
          </a:xfrm>
        </p:grpSpPr>
        <p:sp>
          <p:nvSpPr>
            <p:cNvPr id="11" name="Freeform: Shape 10">
              <a:extLst>
                <a:ext uri="{FF2B5EF4-FFF2-40B4-BE49-F238E27FC236}">
                  <a16:creationId xmlns:a16="http://schemas.microsoft.com/office/drawing/2014/main" id="{267D7CD5-D8E3-4613-43BC-EA48CD5778DD}"/>
                </a:ext>
              </a:extLst>
            </p:cNvPr>
            <p:cNvSpPr>
              <a:spLocks noGrp="1" noRot="1" noMove="1" noResize="1" noEditPoints="1" noAdjustHandles="1" noChangeArrowheads="1" noChangeShapeType="1"/>
            </p:cNvSpPr>
            <p:nvPr userDrawn="1"/>
          </p:nvSpPr>
          <p:spPr>
            <a:xfrm>
              <a:off x="9086175" y="4314726"/>
              <a:ext cx="3134399" cy="2543274"/>
            </a:xfrm>
            <a:custGeom>
              <a:avLst/>
              <a:gdLst>
                <a:gd name="connsiteX0" fmla="*/ 1914660 w 3134399"/>
                <a:gd name="connsiteY0" fmla="*/ 0 h 2543274"/>
                <a:gd name="connsiteX1" fmla="*/ 2871990 w 3134399"/>
                <a:gd name="connsiteY1" fmla="*/ 0 h 2543274"/>
                <a:gd name="connsiteX2" fmla="*/ 3118253 w 3134399"/>
                <a:gd name="connsiteY2" fmla="*/ 116098 h 2543274"/>
                <a:gd name="connsiteX3" fmla="*/ 3134399 w 3134399"/>
                <a:gd name="connsiteY3" fmla="*/ 142718 h 2543274"/>
                <a:gd name="connsiteX4" fmla="*/ 3134399 w 3134399"/>
                <a:gd name="connsiteY4" fmla="*/ 2543274 h 2543274"/>
                <a:gd name="connsiteX5" fmla="*/ 0 w 3134399"/>
                <a:gd name="connsiteY5" fmla="*/ 2543274 h 2543274"/>
                <a:gd name="connsiteX6" fmla="*/ 0 w 3134399"/>
                <a:gd name="connsiteY6" fmla="*/ 1914659 h 2543274"/>
                <a:gd name="connsiteX7" fmla="*/ 319110 w 3134399"/>
                <a:gd name="connsiteY7" fmla="*/ 1595549 h 2543274"/>
                <a:gd name="connsiteX8" fmla="*/ 1356217 w 3134399"/>
                <a:gd name="connsiteY8" fmla="*/ 1595549 h 2543274"/>
                <a:gd name="connsiteX9" fmla="*/ 1595550 w 3134399"/>
                <a:gd name="connsiteY9" fmla="*/ 1356217 h 2543274"/>
                <a:gd name="connsiteX10" fmla="*/ 1595550 w 3134399"/>
                <a:gd name="connsiteY10" fmla="*/ 319110 h 2543274"/>
                <a:gd name="connsiteX11" fmla="*/ 1914660 w 3134399"/>
                <a:gd name="connsiteY11"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134399" h="2543274">
                  <a:moveTo>
                    <a:pt x="1914660" y="0"/>
                  </a:moveTo>
                  <a:lnTo>
                    <a:pt x="2871990" y="0"/>
                  </a:lnTo>
                  <a:cubicBezTo>
                    <a:pt x="2971163" y="0"/>
                    <a:pt x="3059735" y="45184"/>
                    <a:pt x="3118253" y="116098"/>
                  </a:cubicBezTo>
                  <a:lnTo>
                    <a:pt x="3134399" y="142718"/>
                  </a:lnTo>
                  <a:lnTo>
                    <a:pt x="313439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5">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6" name="Freeform 17">
              <a:extLst>
                <a:ext uri="{FF2B5EF4-FFF2-40B4-BE49-F238E27FC236}">
                  <a16:creationId xmlns:a16="http://schemas.microsoft.com/office/drawing/2014/main" id="{133A65BB-5447-C6CE-181A-428F387BF160}"/>
                </a:ext>
              </a:extLst>
            </p:cNvPr>
            <p:cNvSpPr>
              <a:spLocks noGrp="1" noRot="1" noMove="1" noResize="1" noEditPoints="1" noAdjustHandles="1" noChangeArrowheads="1" noChangeShapeType="1"/>
            </p:cNvSpPr>
            <p:nvPr userDrawn="1"/>
          </p:nvSpPr>
          <p:spPr>
            <a:xfrm>
              <a:off x="3538575" y="4314726"/>
              <a:ext cx="4752000" cy="2543274"/>
            </a:xfrm>
            <a:custGeom>
              <a:avLst/>
              <a:gdLst>
                <a:gd name="connsiteX0" fmla="*/ 1914660 w 4786649"/>
                <a:gd name="connsiteY0" fmla="*/ 0 h 2543274"/>
                <a:gd name="connsiteX1" fmla="*/ 2871990 w 4786649"/>
                <a:gd name="connsiteY1" fmla="*/ 0 h 2543274"/>
                <a:gd name="connsiteX2" fmla="*/ 3191100 w 4786649"/>
                <a:gd name="connsiteY2" fmla="*/ 319110 h 2543274"/>
                <a:gd name="connsiteX3" fmla="*/ 3191100 w 4786649"/>
                <a:gd name="connsiteY3" fmla="*/ 1356217 h 2543274"/>
                <a:gd name="connsiteX4" fmla="*/ 3430432 w 4786649"/>
                <a:gd name="connsiteY4" fmla="*/ 1595549 h 2543274"/>
                <a:gd name="connsiteX5" fmla="*/ 4467539 w 4786649"/>
                <a:gd name="connsiteY5" fmla="*/ 1595549 h 2543274"/>
                <a:gd name="connsiteX6" fmla="*/ 4786649 w 4786649"/>
                <a:gd name="connsiteY6" fmla="*/ 1914659 h 2543274"/>
                <a:gd name="connsiteX7" fmla="*/ 4786649 w 4786649"/>
                <a:gd name="connsiteY7" fmla="*/ 2543274 h 2543274"/>
                <a:gd name="connsiteX8" fmla="*/ 0 w 4786649"/>
                <a:gd name="connsiteY8" fmla="*/ 2543274 h 2543274"/>
                <a:gd name="connsiteX9" fmla="*/ 0 w 4786649"/>
                <a:gd name="connsiteY9" fmla="*/ 1914659 h 2543274"/>
                <a:gd name="connsiteX10" fmla="*/ 319110 w 4786649"/>
                <a:gd name="connsiteY10" fmla="*/ 1595549 h 2543274"/>
                <a:gd name="connsiteX11" fmla="*/ 1356217 w 4786649"/>
                <a:gd name="connsiteY11" fmla="*/ 1595549 h 2543274"/>
                <a:gd name="connsiteX12" fmla="*/ 1595550 w 4786649"/>
                <a:gd name="connsiteY12" fmla="*/ 1356217 h 2543274"/>
                <a:gd name="connsiteX13" fmla="*/ 1595550 w 4786649"/>
                <a:gd name="connsiteY13" fmla="*/ 319110 h 2543274"/>
                <a:gd name="connsiteX14" fmla="*/ 1914660 w 4786649"/>
                <a:gd name="connsiteY14" fmla="*/ 0 h 25432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4786649" h="2543274">
                  <a:moveTo>
                    <a:pt x="1914660" y="0"/>
                  </a:moveTo>
                  <a:lnTo>
                    <a:pt x="2871990" y="0"/>
                  </a:lnTo>
                  <a:cubicBezTo>
                    <a:pt x="3048298" y="0"/>
                    <a:pt x="3191100" y="142802"/>
                    <a:pt x="3191100" y="319110"/>
                  </a:cubicBezTo>
                  <a:lnTo>
                    <a:pt x="3191100" y="1356217"/>
                  </a:lnTo>
                  <a:cubicBezTo>
                    <a:pt x="3191100" y="1488448"/>
                    <a:pt x="3298201" y="1595549"/>
                    <a:pt x="3430432" y="1595549"/>
                  </a:cubicBezTo>
                  <a:lnTo>
                    <a:pt x="4467539" y="1595549"/>
                  </a:lnTo>
                  <a:cubicBezTo>
                    <a:pt x="4643848" y="1595549"/>
                    <a:pt x="4786649" y="1738351"/>
                    <a:pt x="4786649" y="1914659"/>
                  </a:cubicBezTo>
                  <a:lnTo>
                    <a:pt x="4786649" y="2543274"/>
                  </a:lnTo>
                  <a:lnTo>
                    <a:pt x="0" y="2543274"/>
                  </a:lnTo>
                  <a:lnTo>
                    <a:pt x="0" y="1914659"/>
                  </a:lnTo>
                  <a:cubicBezTo>
                    <a:pt x="0" y="1738351"/>
                    <a:pt x="142802" y="1595549"/>
                    <a:pt x="319110" y="1595549"/>
                  </a:cubicBezTo>
                  <a:lnTo>
                    <a:pt x="1356217" y="1595549"/>
                  </a:lnTo>
                  <a:cubicBezTo>
                    <a:pt x="1488448" y="1595549"/>
                    <a:pt x="1595550" y="1488448"/>
                    <a:pt x="1595550" y="1356217"/>
                  </a:cubicBezTo>
                  <a:lnTo>
                    <a:pt x="1595550" y="319110"/>
                  </a:lnTo>
                  <a:cubicBezTo>
                    <a:pt x="1595550" y="142802"/>
                    <a:pt x="1738352" y="0"/>
                    <a:pt x="1914660"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nvGrpSpPr>
            <p:cNvPr id="18" name="Group 17">
              <a:extLst>
                <a:ext uri="{FF2B5EF4-FFF2-40B4-BE49-F238E27FC236}">
                  <a16:creationId xmlns:a16="http://schemas.microsoft.com/office/drawing/2014/main" id="{07BB0B6B-D0E5-5062-9C47-D616B3FFC808}"/>
                </a:ext>
              </a:extLst>
            </p:cNvPr>
            <p:cNvGrpSpPr>
              <a:grpSpLocks noGrp="1" noUngrp="1" noRot="1" noMove="1" noResize="1"/>
            </p:cNvGrpSpPr>
            <p:nvPr userDrawn="1"/>
          </p:nvGrpSpPr>
          <p:grpSpPr>
            <a:xfrm>
              <a:off x="3731134" y="4555175"/>
              <a:ext cx="4366883" cy="2228438"/>
              <a:chOff x="3644852" y="4555175"/>
              <a:chExt cx="4366883" cy="2228438"/>
            </a:xfrm>
            <a:solidFill>
              <a:schemeClr val="accent1"/>
            </a:solidFill>
          </p:grpSpPr>
          <p:grpSp>
            <p:nvGrpSpPr>
              <p:cNvPr id="19" name="Group 18">
                <a:extLst>
                  <a:ext uri="{FF2B5EF4-FFF2-40B4-BE49-F238E27FC236}">
                    <a16:creationId xmlns:a16="http://schemas.microsoft.com/office/drawing/2014/main" id="{9A90E0AB-EB9B-3115-E097-4E383BCB40BC}"/>
                  </a:ext>
                </a:extLst>
              </p:cNvPr>
              <p:cNvGrpSpPr>
                <a:grpSpLocks noGrp="1" noUngrp="1" noRot="1" noMove="1" noResize="1"/>
              </p:cNvGrpSpPr>
              <p:nvPr userDrawn="1"/>
            </p:nvGrpSpPr>
            <p:grpSpPr>
              <a:xfrm>
                <a:off x="5248227" y="4555175"/>
                <a:ext cx="1160133" cy="621888"/>
                <a:chOff x="5248227" y="4555175"/>
                <a:chExt cx="1160133" cy="621888"/>
              </a:xfrm>
              <a:grpFill/>
            </p:grpSpPr>
            <p:grpSp>
              <p:nvGrpSpPr>
                <p:cNvPr id="48" name="Group 47">
                  <a:extLst>
                    <a:ext uri="{FF2B5EF4-FFF2-40B4-BE49-F238E27FC236}">
                      <a16:creationId xmlns:a16="http://schemas.microsoft.com/office/drawing/2014/main" id="{9F486D96-5559-B572-D39C-38F41A47EDF2}"/>
                    </a:ext>
                  </a:extLst>
                </p:cNvPr>
                <p:cNvGrpSpPr>
                  <a:grpSpLocks noGrp="1" noUngrp="1" noRot="1" noMove="1" noResize="1"/>
                </p:cNvGrpSpPr>
                <p:nvPr userDrawn="1"/>
              </p:nvGrpSpPr>
              <p:grpSpPr>
                <a:xfrm>
                  <a:off x="5248227" y="4555175"/>
                  <a:ext cx="1160133" cy="88488"/>
                  <a:chOff x="5248227" y="4555175"/>
                  <a:chExt cx="1160133" cy="88488"/>
                </a:xfrm>
                <a:grpFill/>
              </p:grpSpPr>
              <p:sp>
                <p:nvSpPr>
                  <p:cNvPr id="53" name="Freeform 95">
                    <a:extLst>
                      <a:ext uri="{FF2B5EF4-FFF2-40B4-BE49-F238E27FC236}">
                        <a16:creationId xmlns:a16="http://schemas.microsoft.com/office/drawing/2014/main" id="{869676FB-983E-5DDF-E987-F46F6A83515F}"/>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95">
                    <a:extLst>
                      <a:ext uri="{FF2B5EF4-FFF2-40B4-BE49-F238E27FC236}">
                        <a16:creationId xmlns:a16="http://schemas.microsoft.com/office/drawing/2014/main" id="{B1E2BD59-3920-F876-B299-D920D5317A1B}"/>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95">
                    <a:extLst>
                      <a:ext uri="{FF2B5EF4-FFF2-40B4-BE49-F238E27FC236}">
                        <a16:creationId xmlns:a16="http://schemas.microsoft.com/office/drawing/2014/main" id="{6B7B2A0A-B96C-827D-D027-DBA6D3812A4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49" name="Group 48">
                  <a:extLst>
                    <a:ext uri="{FF2B5EF4-FFF2-40B4-BE49-F238E27FC236}">
                      <a16:creationId xmlns:a16="http://schemas.microsoft.com/office/drawing/2014/main" id="{DD1F9028-F2E1-9EEE-FD9B-0EA473C5817A}"/>
                    </a:ext>
                  </a:extLst>
                </p:cNvPr>
                <p:cNvGrpSpPr>
                  <a:grpSpLocks noGrp="1" noUngrp="1" noRot="1" noMove="1" noResize="1"/>
                </p:cNvGrpSpPr>
                <p:nvPr userDrawn="1"/>
              </p:nvGrpSpPr>
              <p:grpSpPr>
                <a:xfrm>
                  <a:off x="5248227" y="5088575"/>
                  <a:ext cx="1160133" cy="88488"/>
                  <a:chOff x="5248227" y="4555175"/>
                  <a:chExt cx="1160133" cy="88488"/>
                </a:xfrm>
                <a:grpFill/>
              </p:grpSpPr>
              <p:sp>
                <p:nvSpPr>
                  <p:cNvPr id="50" name="Freeform 95">
                    <a:extLst>
                      <a:ext uri="{FF2B5EF4-FFF2-40B4-BE49-F238E27FC236}">
                        <a16:creationId xmlns:a16="http://schemas.microsoft.com/office/drawing/2014/main" id="{45DBAEF5-2835-16A3-6C8B-56E74E5F2253}"/>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1" name="Freeform 95">
                    <a:extLst>
                      <a:ext uri="{FF2B5EF4-FFF2-40B4-BE49-F238E27FC236}">
                        <a16:creationId xmlns:a16="http://schemas.microsoft.com/office/drawing/2014/main" id="{8ED9055E-E9AE-E5FC-8E03-29AFD92CD911}"/>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95">
                    <a:extLst>
                      <a:ext uri="{FF2B5EF4-FFF2-40B4-BE49-F238E27FC236}">
                        <a16:creationId xmlns:a16="http://schemas.microsoft.com/office/drawing/2014/main" id="{3C2663FB-4E9A-C02A-3747-A4A677581FA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nvGrpSpPr>
              <p:cNvPr id="20" name="Group 19">
                <a:extLst>
                  <a:ext uri="{FF2B5EF4-FFF2-40B4-BE49-F238E27FC236}">
                    <a16:creationId xmlns:a16="http://schemas.microsoft.com/office/drawing/2014/main" id="{A21E0853-A6A9-3125-BA1B-ACCBC8372103}"/>
                  </a:ext>
                </a:extLst>
              </p:cNvPr>
              <p:cNvGrpSpPr>
                <a:grpSpLocks noGrp="1" noUngrp="1" noRot="1" noMove="1" noResize="1"/>
              </p:cNvGrpSpPr>
              <p:nvPr userDrawn="1"/>
            </p:nvGrpSpPr>
            <p:grpSpPr>
              <a:xfrm>
                <a:off x="5248227" y="5625150"/>
                <a:ext cx="1160133" cy="88488"/>
                <a:chOff x="5248227" y="4555175"/>
                <a:chExt cx="1160133" cy="88488"/>
              </a:xfrm>
              <a:grpFill/>
            </p:grpSpPr>
            <p:sp>
              <p:nvSpPr>
                <p:cNvPr id="45" name="Freeform 95">
                  <a:extLst>
                    <a:ext uri="{FF2B5EF4-FFF2-40B4-BE49-F238E27FC236}">
                      <a16:creationId xmlns:a16="http://schemas.microsoft.com/office/drawing/2014/main" id="{5C237394-3902-367D-D994-0110F5F16B10}"/>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6" name="Freeform 95">
                  <a:extLst>
                    <a:ext uri="{FF2B5EF4-FFF2-40B4-BE49-F238E27FC236}">
                      <a16:creationId xmlns:a16="http://schemas.microsoft.com/office/drawing/2014/main" id="{89924746-ED31-ABD5-C06E-6294B895C122}"/>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7" name="Freeform 95">
                  <a:extLst>
                    <a:ext uri="{FF2B5EF4-FFF2-40B4-BE49-F238E27FC236}">
                      <a16:creationId xmlns:a16="http://schemas.microsoft.com/office/drawing/2014/main" id="{D60CD105-A11E-1B68-A4AF-42CBD5CC230F}"/>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1" name="Group 20">
                <a:extLst>
                  <a:ext uri="{FF2B5EF4-FFF2-40B4-BE49-F238E27FC236}">
                    <a16:creationId xmlns:a16="http://schemas.microsoft.com/office/drawing/2014/main" id="{851CCB3E-C201-D03A-E3DD-95D12D2CE46A}"/>
                  </a:ext>
                </a:extLst>
              </p:cNvPr>
              <p:cNvGrpSpPr>
                <a:grpSpLocks noGrp="1" noUngrp="1" noRot="1" noMove="1" noResize="1"/>
              </p:cNvGrpSpPr>
              <p:nvPr userDrawn="1"/>
            </p:nvGrpSpPr>
            <p:grpSpPr>
              <a:xfrm>
                <a:off x="5248227" y="6158550"/>
                <a:ext cx="1160133" cy="88488"/>
                <a:chOff x="5248227" y="4555175"/>
                <a:chExt cx="1160133" cy="88488"/>
              </a:xfrm>
              <a:grpFill/>
            </p:grpSpPr>
            <p:sp>
              <p:nvSpPr>
                <p:cNvPr id="42" name="Freeform 95">
                  <a:extLst>
                    <a:ext uri="{FF2B5EF4-FFF2-40B4-BE49-F238E27FC236}">
                      <a16:creationId xmlns:a16="http://schemas.microsoft.com/office/drawing/2014/main" id="{890E8BC3-556D-C654-753C-284D2ECAD233}"/>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3" name="Freeform 95">
                  <a:extLst>
                    <a:ext uri="{FF2B5EF4-FFF2-40B4-BE49-F238E27FC236}">
                      <a16:creationId xmlns:a16="http://schemas.microsoft.com/office/drawing/2014/main" id="{60E1A3DE-9179-DBAA-A37B-51B1DA9CAB30}"/>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4" name="Freeform 95">
                  <a:extLst>
                    <a:ext uri="{FF2B5EF4-FFF2-40B4-BE49-F238E27FC236}">
                      <a16:creationId xmlns:a16="http://schemas.microsoft.com/office/drawing/2014/main" id="{5CCF165E-00B9-1ADF-E074-A6879F726517}"/>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2" name="Group 21">
                <a:extLst>
                  <a:ext uri="{FF2B5EF4-FFF2-40B4-BE49-F238E27FC236}">
                    <a16:creationId xmlns:a16="http://schemas.microsoft.com/office/drawing/2014/main" id="{AC24A69C-F737-D516-7F69-662DA97CA7DF}"/>
                  </a:ext>
                </a:extLst>
              </p:cNvPr>
              <p:cNvGrpSpPr>
                <a:grpSpLocks noGrp="1" noUngrp="1" noRot="1" noMove="1" noResize="1"/>
              </p:cNvGrpSpPr>
              <p:nvPr userDrawn="1"/>
            </p:nvGrpSpPr>
            <p:grpSpPr>
              <a:xfrm>
                <a:off x="3644852" y="6158550"/>
                <a:ext cx="1160133" cy="88488"/>
                <a:chOff x="5248227" y="4555175"/>
                <a:chExt cx="1160133" cy="88488"/>
              </a:xfrm>
              <a:grpFill/>
            </p:grpSpPr>
            <p:sp>
              <p:nvSpPr>
                <p:cNvPr id="39" name="Freeform 95">
                  <a:extLst>
                    <a:ext uri="{FF2B5EF4-FFF2-40B4-BE49-F238E27FC236}">
                      <a16:creationId xmlns:a16="http://schemas.microsoft.com/office/drawing/2014/main" id="{27FA2C3F-48E7-A2DA-C6FE-6955699BDF91}"/>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0" name="Freeform 95">
                  <a:extLst>
                    <a:ext uri="{FF2B5EF4-FFF2-40B4-BE49-F238E27FC236}">
                      <a16:creationId xmlns:a16="http://schemas.microsoft.com/office/drawing/2014/main" id="{AB957B35-F8C4-3C12-5131-FB57838E2DCC}"/>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95">
                  <a:extLst>
                    <a:ext uri="{FF2B5EF4-FFF2-40B4-BE49-F238E27FC236}">
                      <a16:creationId xmlns:a16="http://schemas.microsoft.com/office/drawing/2014/main" id="{61EBC51D-B78C-6429-08D0-F92C8C73CF00}"/>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3" name="Group 22">
                <a:extLst>
                  <a:ext uri="{FF2B5EF4-FFF2-40B4-BE49-F238E27FC236}">
                    <a16:creationId xmlns:a16="http://schemas.microsoft.com/office/drawing/2014/main" id="{C2D106F4-651C-2CD8-2B28-BFF5464F0097}"/>
                  </a:ext>
                </a:extLst>
              </p:cNvPr>
              <p:cNvGrpSpPr>
                <a:grpSpLocks noGrp="1" noUngrp="1" noRot="1" noMove="1" noResize="1"/>
              </p:cNvGrpSpPr>
              <p:nvPr userDrawn="1"/>
            </p:nvGrpSpPr>
            <p:grpSpPr>
              <a:xfrm>
                <a:off x="6851602" y="6158550"/>
                <a:ext cx="1160133" cy="88488"/>
                <a:chOff x="5248227" y="4555175"/>
                <a:chExt cx="1160133" cy="88488"/>
              </a:xfrm>
              <a:grpFill/>
            </p:grpSpPr>
            <p:sp>
              <p:nvSpPr>
                <p:cNvPr id="36" name="Freeform 95">
                  <a:extLst>
                    <a:ext uri="{FF2B5EF4-FFF2-40B4-BE49-F238E27FC236}">
                      <a16:creationId xmlns:a16="http://schemas.microsoft.com/office/drawing/2014/main" id="{042CFC43-9D54-9F09-4C2B-F81A7BC451F4}"/>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7" name="Freeform 95">
                  <a:extLst>
                    <a:ext uri="{FF2B5EF4-FFF2-40B4-BE49-F238E27FC236}">
                      <a16:creationId xmlns:a16="http://schemas.microsoft.com/office/drawing/2014/main" id="{9869033A-A3C0-097D-10BC-E4A818B6A8BE}"/>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8" name="Freeform 95">
                  <a:extLst>
                    <a:ext uri="{FF2B5EF4-FFF2-40B4-BE49-F238E27FC236}">
                      <a16:creationId xmlns:a16="http://schemas.microsoft.com/office/drawing/2014/main" id="{325BBDD8-10E9-E4DF-A3D8-8F997C38BE71}"/>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4" name="Group 23">
                <a:extLst>
                  <a:ext uri="{FF2B5EF4-FFF2-40B4-BE49-F238E27FC236}">
                    <a16:creationId xmlns:a16="http://schemas.microsoft.com/office/drawing/2014/main" id="{8DA73115-3615-C967-5005-42354B38A47A}"/>
                  </a:ext>
                </a:extLst>
              </p:cNvPr>
              <p:cNvGrpSpPr>
                <a:grpSpLocks noGrp="1" noUngrp="1" noRot="1" noMove="1" noResize="1"/>
              </p:cNvGrpSpPr>
              <p:nvPr userDrawn="1"/>
            </p:nvGrpSpPr>
            <p:grpSpPr>
              <a:xfrm>
                <a:off x="5248227" y="6695125"/>
                <a:ext cx="1160133" cy="88488"/>
                <a:chOff x="5248227" y="4555175"/>
                <a:chExt cx="1160133" cy="88488"/>
              </a:xfrm>
              <a:grpFill/>
            </p:grpSpPr>
            <p:sp>
              <p:nvSpPr>
                <p:cNvPr id="33" name="Freeform 95">
                  <a:extLst>
                    <a:ext uri="{FF2B5EF4-FFF2-40B4-BE49-F238E27FC236}">
                      <a16:creationId xmlns:a16="http://schemas.microsoft.com/office/drawing/2014/main" id="{9B58318A-0AD2-1C5C-F364-CF5CFD63D03C}"/>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4" name="Freeform 95">
                  <a:extLst>
                    <a:ext uri="{FF2B5EF4-FFF2-40B4-BE49-F238E27FC236}">
                      <a16:creationId xmlns:a16="http://schemas.microsoft.com/office/drawing/2014/main" id="{455BD373-09DB-51A8-0927-94702ED2F2D3}"/>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5" name="Freeform 95">
                  <a:extLst>
                    <a:ext uri="{FF2B5EF4-FFF2-40B4-BE49-F238E27FC236}">
                      <a16:creationId xmlns:a16="http://schemas.microsoft.com/office/drawing/2014/main" id="{387717BE-02AE-76A3-8A1F-C3D40E1C2C42}"/>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5" name="Group 24">
                <a:extLst>
                  <a:ext uri="{FF2B5EF4-FFF2-40B4-BE49-F238E27FC236}">
                    <a16:creationId xmlns:a16="http://schemas.microsoft.com/office/drawing/2014/main" id="{47AFF211-F23F-C430-C382-974A30FC4D16}"/>
                  </a:ext>
                </a:extLst>
              </p:cNvPr>
              <p:cNvGrpSpPr>
                <a:grpSpLocks noGrp="1" noUngrp="1" noRot="1" noMove="1" noResize="1"/>
              </p:cNvGrpSpPr>
              <p:nvPr userDrawn="1"/>
            </p:nvGrpSpPr>
            <p:grpSpPr>
              <a:xfrm>
                <a:off x="3644852" y="6695125"/>
                <a:ext cx="1160133" cy="88488"/>
                <a:chOff x="5248227" y="4555175"/>
                <a:chExt cx="1160133" cy="88488"/>
              </a:xfrm>
              <a:grpFill/>
            </p:grpSpPr>
            <p:sp>
              <p:nvSpPr>
                <p:cNvPr id="30" name="Freeform 95">
                  <a:extLst>
                    <a:ext uri="{FF2B5EF4-FFF2-40B4-BE49-F238E27FC236}">
                      <a16:creationId xmlns:a16="http://schemas.microsoft.com/office/drawing/2014/main" id="{2721D83D-AC4B-37CA-CAE6-3A82BCB45C28}"/>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1" name="Freeform 95">
                  <a:extLst>
                    <a:ext uri="{FF2B5EF4-FFF2-40B4-BE49-F238E27FC236}">
                      <a16:creationId xmlns:a16="http://schemas.microsoft.com/office/drawing/2014/main" id="{91FEABB0-CEB5-E0B4-9F7A-1D072143D53A}"/>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2" name="Freeform 95">
                  <a:extLst>
                    <a:ext uri="{FF2B5EF4-FFF2-40B4-BE49-F238E27FC236}">
                      <a16:creationId xmlns:a16="http://schemas.microsoft.com/office/drawing/2014/main" id="{8C598C8C-FF30-2049-6C5A-AC4331DE7C26}"/>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nvGrpSpPr>
              <p:cNvPr id="26" name="Group 25">
                <a:extLst>
                  <a:ext uri="{FF2B5EF4-FFF2-40B4-BE49-F238E27FC236}">
                    <a16:creationId xmlns:a16="http://schemas.microsoft.com/office/drawing/2014/main" id="{2C72C521-B223-1D6F-F32E-FA60DCE91039}"/>
                  </a:ext>
                </a:extLst>
              </p:cNvPr>
              <p:cNvGrpSpPr>
                <a:grpSpLocks noGrp="1" noUngrp="1" noRot="1" noMove="1" noResize="1"/>
              </p:cNvGrpSpPr>
              <p:nvPr userDrawn="1"/>
            </p:nvGrpSpPr>
            <p:grpSpPr>
              <a:xfrm>
                <a:off x="6851602" y="6695125"/>
                <a:ext cx="1160133" cy="88488"/>
                <a:chOff x="5248227" y="4555175"/>
                <a:chExt cx="1160133" cy="88488"/>
              </a:xfrm>
              <a:grpFill/>
            </p:grpSpPr>
            <p:sp>
              <p:nvSpPr>
                <p:cNvPr id="27" name="Freeform 95">
                  <a:extLst>
                    <a:ext uri="{FF2B5EF4-FFF2-40B4-BE49-F238E27FC236}">
                      <a16:creationId xmlns:a16="http://schemas.microsoft.com/office/drawing/2014/main" id="{F7E2C53D-F315-86E6-33A8-F642CA4FC053}"/>
                    </a:ext>
                  </a:extLst>
                </p:cNvPr>
                <p:cNvSpPr>
                  <a:spLocks noGrp="1" noRot="1" noMove="1" noResize="1" noEditPoints="1" noAdjustHandles="1" noChangeArrowheads="1" noChangeShapeType="1"/>
                </p:cNvSpPr>
                <p:nvPr userDrawn="1"/>
              </p:nvSpPr>
              <p:spPr bwMode="auto">
                <a:xfrm>
                  <a:off x="5248227"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95">
                  <a:extLst>
                    <a:ext uri="{FF2B5EF4-FFF2-40B4-BE49-F238E27FC236}">
                      <a16:creationId xmlns:a16="http://schemas.microsoft.com/office/drawing/2014/main" id="{65A69D06-72C7-527F-0AA4-79E7FE80076C}"/>
                    </a:ext>
                  </a:extLst>
                </p:cNvPr>
                <p:cNvSpPr>
                  <a:spLocks noGrp="1" noRot="1" noMove="1" noResize="1" noEditPoints="1" noAdjustHandles="1" noChangeArrowheads="1" noChangeShapeType="1"/>
                </p:cNvSpPr>
                <p:nvPr userDrawn="1"/>
              </p:nvSpPr>
              <p:spPr bwMode="auto">
                <a:xfrm>
                  <a:off x="5783215"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95">
                  <a:extLst>
                    <a:ext uri="{FF2B5EF4-FFF2-40B4-BE49-F238E27FC236}">
                      <a16:creationId xmlns:a16="http://schemas.microsoft.com/office/drawing/2014/main" id="{CAE07DC9-89ED-56A6-1389-05F0A735B466}"/>
                    </a:ext>
                  </a:extLst>
                </p:cNvPr>
                <p:cNvSpPr>
                  <a:spLocks noGrp="1" noRot="1" noMove="1" noResize="1" noEditPoints="1" noAdjustHandles="1" noChangeArrowheads="1" noChangeShapeType="1"/>
                </p:cNvSpPr>
                <p:nvPr userDrawn="1"/>
              </p:nvSpPr>
              <p:spPr bwMode="auto">
                <a:xfrm>
                  <a:off x="6318202" y="4555175"/>
                  <a:ext cx="90158" cy="88488"/>
                </a:xfrm>
                <a:custGeom>
                  <a:avLst/>
                  <a:gdLst>
                    <a:gd name="T0" fmla="*/ 31 w 54"/>
                    <a:gd name="T1" fmla="*/ 53 h 53"/>
                    <a:gd name="T2" fmla="*/ 31 w 54"/>
                    <a:gd name="T3" fmla="*/ 31 h 53"/>
                    <a:gd name="T4" fmla="*/ 54 w 54"/>
                    <a:gd name="T5" fmla="*/ 31 h 53"/>
                    <a:gd name="T6" fmla="*/ 54 w 54"/>
                    <a:gd name="T7" fmla="*/ 23 h 53"/>
                    <a:gd name="T8" fmla="*/ 31 w 54"/>
                    <a:gd name="T9" fmla="*/ 23 h 53"/>
                    <a:gd name="T10" fmla="*/ 31 w 54"/>
                    <a:gd name="T11" fmla="*/ 0 h 53"/>
                    <a:gd name="T12" fmla="*/ 23 w 54"/>
                    <a:gd name="T13" fmla="*/ 0 h 53"/>
                    <a:gd name="T14" fmla="*/ 23 w 54"/>
                    <a:gd name="T15" fmla="*/ 23 h 53"/>
                    <a:gd name="T16" fmla="*/ 0 w 54"/>
                    <a:gd name="T17" fmla="*/ 23 h 53"/>
                    <a:gd name="T18" fmla="*/ 0 w 54"/>
                    <a:gd name="T19" fmla="*/ 31 h 53"/>
                    <a:gd name="T20" fmla="*/ 23 w 54"/>
                    <a:gd name="T21" fmla="*/ 31 h 53"/>
                    <a:gd name="T22" fmla="*/ 23 w 54"/>
                    <a:gd name="T23" fmla="*/ 53 h 53"/>
                    <a:gd name="T24" fmla="*/ 31 w 54"/>
                    <a:gd name="T25" fmla="*/ 53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54" h="53">
                      <a:moveTo>
                        <a:pt x="31" y="53"/>
                      </a:moveTo>
                      <a:lnTo>
                        <a:pt x="31" y="31"/>
                      </a:lnTo>
                      <a:lnTo>
                        <a:pt x="54" y="31"/>
                      </a:lnTo>
                      <a:lnTo>
                        <a:pt x="54" y="23"/>
                      </a:lnTo>
                      <a:lnTo>
                        <a:pt x="31" y="23"/>
                      </a:lnTo>
                      <a:lnTo>
                        <a:pt x="31" y="0"/>
                      </a:lnTo>
                      <a:lnTo>
                        <a:pt x="23" y="0"/>
                      </a:lnTo>
                      <a:lnTo>
                        <a:pt x="23" y="23"/>
                      </a:lnTo>
                      <a:lnTo>
                        <a:pt x="0" y="23"/>
                      </a:lnTo>
                      <a:lnTo>
                        <a:pt x="0" y="31"/>
                      </a:lnTo>
                      <a:lnTo>
                        <a:pt x="23" y="31"/>
                      </a:lnTo>
                      <a:lnTo>
                        <a:pt x="23" y="53"/>
                      </a:lnTo>
                      <a:lnTo>
                        <a:pt x="31" y="5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grpSp>
      </p:grpSp>
      <p:sp>
        <p:nvSpPr>
          <p:cNvPr id="7" name="Pictureplaceholder">
            <a:extLst>
              <a:ext uri="{FF2B5EF4-FFF2-40B4-BE49-F238E27FC236}">
                <a16:creationId xmlns:a16="http://schemas.microsoft.com/office/drawing/2014/main" id="{28997839-672C-4742-1DDD-D60E0FEEE058}"/>
              </a:ext>
            </a:extLst>
          </p:cNvPr>
          <p:cNvSpPr>
            <a:spLocks noGrp="1" noChangeAspect="1"/>
          </p:cNvSpPr>
          <p:nvPr userDrawn="1">
            <p:ph type="pic" sz="quarter" idx="17"/>
          </p:nvPr>
        </p:nvSpPr>
        <p:spPr>
          <a:xfrm>
            <a:off x="6307200" y="355510"/>
            <a:ext cx="4737600" cy="4737600"/>
          </a:xfrm>
          <a:custGeom>
            <a:avLst/>
            <a:gdLst>
              <a:gd name="connsiteX0" fmla="*/ 1893604 w 4734000"/>
              <a:gd name="connsiteY0" fmla="*/ 0 h 4734000"/>
              <a:gd name="connsiteX1" fmla="*/ 2841049 w 4734000"/>
              <a:gd name="connsiteY1" fmla="*/ 0 h 4734000"/>
              <a:gd name="connsiteX2" fmla="*/ 3156821 w 4734000"/>
              <a:gd name="connsiteY2" fmla="*/ 315772 h 4734000"/>
              <a:gd name="connsiteX3" fmla="*/ 3156821 w 4734000"/>
              <a:gd name="connsiteY3" fmla="*/ 1342547 h 4734000"/>
              <a:gd name="connsiteX4" fmla="*/ 3393650 w 4734000"/>
              <a:gd name="connsiteY4" fmla="*/ 1579376 h 4734000"/>
              <a:gd name="connsiteX5" fmla="*/ 4420167 w 4734000"/>
              <a:gd name="connsiteY5" fmla="*/ 1579376 h 4734000"/>
              <a:gd name="connsiteX6" fmla="*/ 4729524 w 4734000"/>
              <a:gd name="connsiteY6" fmla="*/ 1831509 h 4734000"/>
              <a:gd name="connsiteX7" fmla="*/ 4734000 w 4734000"/>
              <a:gd name="connsiteY7" fmla="*/ 1875914 h 4734000"/>
              <a:gd name="connsiteX8" fmla="*/ 4734000 w 4734000"/>
              <a:gd name="connsiteY8" fmla="*/ 2861827 h 4734000"/>
              <a:gd name="connsiteX9" fmla="*/ 4729524 w 4734000"/>
              <a:gd name="connsiteY9" fmla="*/ 2906232 h 4734000"/>
              <a:gd name="connsiteX10" fmla="*/ 4420167 w 4734000"/>
              <a:gd name="connsiteY10" fmla="*/ 3158365 h 4734000"/>
              <a:gd name="connsiteX11" fmla="*/ 3393650 w 4734000"/>
              <a:gd name="connsiteY11" fmla="*/ 3158365 h 4734000"/>
              <a:gd name="connsiteX12" fmla="*/ 3156821 w 4734000"/>
              <a:gd name="connsiteY12" fmla="*/ 3395194 h 4734000"/>
              <a:gd name="connsiteX13" fmla="*/ 3156821 w 4734000"/>
              <a:gd name="connsiteY13" fmla="*/ 4421711 h 4734000"/>
              <a:gd name="connsiteX14" fmla="*/ 2904688 w 4734000"/>
              <a:gd name="connsiteY14" fmla="*/ 4731068 h 4734000"/>
              <a:gd name="connsiteX15" fmla="*/ 2875601 w 4734000"/>
              <a:gd name="connsiteY15" fmla="*/ 4734000 h 4734000"/>
              <a:gd name="connsiteX16" fmla="*/ 1861483 w 4734000"/>
              <a:gd name="connsiteY16" fmla="*/ 4734000 h 4734000"/>
              <a:gd name="connsiteX17" fmla="*/ 1829836 w 4734000"/>
              <a:gd name="connsiteY17" fmla="*/ 4730810 h 4734000"/>
              <a:gd name="connsiteX18" fmla="*/ 1577703 w 4734000"/>
              <a:gd name="connsiteY18" fmla="*/ 4421453 h 4734000"/>
              <a:gd name="connsiteX19" fmla="*/ 1577703 w 4734000"/>
              <a:gd name="connsiteY19" fmla="*/ 3394936 h 4734000"/>
              <a:gd name="connsiteX20" fmla="*/ 1340874 w 4734000"/>
              <a:gd name="connsiteY20" fmla="*/ 3158107 h 4734000"/>
              <a:gd name="connsiteX21" fmla="*/ 314357 w 4734000"/>
              <a:gd name="connsiteY21" fmla="*/ 3158107 h 4734000"/>
              <a:gd name="connsiteX22" fmla="*/ 5001 w 4734000"/>
              <a:gd name="connsiteY22" fmla="*/ 2905974 h 4734000"/>
              <a:gd name="connsiteX23" fmla="*/ 0 w 4734000"/>
              <a:gd name="connsiteY23" fmla="*/ 2856372 h 4734000"/>
              <a:gd name="connsiteX24" fmla="*/ 0 w 4734000"/>
              <a:gd name="connsiteY24" fmla="*/ 1880853 h 4734000"/>
              <a:gd name="connsiteX25" fmla="*/ 5001 w 4734000"/>
              <a:gd name="connsiteY25" fmla="*/ 1831251 h 4734000"/>
              <a:gd name="connsiteX26" fmla="*/ 314357 w 4734000"/>
              <a:gd name="connsiteY26" fmla="*/ 1579118 h 4734000"/>
              <a:gd name="connsiteX27" fmla="*/ 1341003 w 4734000"/>
              <a:gd name="connsiteY27" fmla="*/ 1579118 h 4734000"/>
              <a:gd name="connsiteX28" fmla="*/ 1577832 w 4734000"/>
              <a:gd name="connsiteY28" fmla="*/ 1342289 h 4734000"/>
              <a:gd name="connsiteX29" fmla="*/ 1577832 w 4734000"/>
              <a:gd name="connsiteY29" fmla="*/ 315772 h 4734000"/>
              <a:gd name="connsiteX30" fmla="*/ 1893604 w 4734000"/>
              <a:gd name="connsiteY30" fmla="*/ 0 h 473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4734000" h="4734000">
                <a:moveTo>
                  <a:pt x="1893604" y="0"/>
                </a:moveTo>
                <a:lnTo>
                  <a:pt x="2841049" y="0"/>
                </a:lnTo>
                <a:cubicBezTo>
                  <a:pt x="3015446" y="0"/>
                  <a:pt x="3156821" y="141375"/>
                  <a:pt x="3156821" y="315772"/>
                </a:cubicBezTo>
                <a:lnTo>
                  <a:pt x="3156821" y="1342547"/>
                </a:lnTo>
                <a:cubicBezTo>
                  <a:pt x="3156821" y="1473345"/>
                  <a:pt x="3262852" y="1579376"/>
                  <a:pt x="3393650" y="1579376"/>
                </a:cubicBezTo>
                <a:lnTo>
                  <a:pt x="4420167" y="1579376"/>
                </a:lnTo>
                <a:cubicBezTo>
                  <a:pt x="4572764" y="1579376"/>
                  <a:pt x="4700079" y="1687616"/>
                  <a:pt x="4729524" y="1831509"/>
                </a:cubicBezTo>
                <a:lnTo>
                  <a:pt x="4734000" y="1875914"/>
                </a:lnTo>
                <a:lnTo>
                  <a:pt x="4734000" y="2861827"/>
                </a:lnTo>
                <a:lnTo>
                  <a:pt x="4729524" y="2906232"/>
                </a:lnTo>
                <a:cubicBezTo>
                  <a:pt x="4700079" y="3050125"/>
                  <a:pt x="4572764" y="3158365"/>
                  <a:pt x="4420167" y="3158365"/>
                </a:cubicBezTo>
                <a:lnTo>
                  <a:pt x="3393650" y="3158365"/>
                </a:lnTo>
                <a:cubicBezTo>
                  <a:pt x="3262852" y="3158365"/>
                  <a:pt x="3156821" y="3264396"/>
                  <a:pt x="3156821" y="3395194"/>
                </a:cubicBezTo>
                <a:lnTo>
                  <a:pt x="3156821" y="4421711"/>
                </a:lnTo>
                <a:cubicBezTo>
                  <a:pt x="3156821" y="4574309"/>
                  <a:pt x="3048581" y="4701624"/>
                  <a:pt x="2904688" y="4731068"/>
                </a:cubicBezTo>
                <a:lnTo>
                  <a:pt x="2875601" y="4734000"/>
                </a:lnTo>
                <a:lnTo>
                  <a:pt x="1861483" y="4734000"/>
                </a:lnTo>
                <a:lnTo>
                  <a:pt x="1829836" y="4730810"/>
                </a:lnTo>
                <a:cubicBezTo>
                  <a:pt x="1685944" y="4701366"/>
                  <a:pt x="1577703" y="4574051"/>
                  <a:pt x="1577703" y="4421453"/>
                </a:cubicBezTo>
                <a:lnTo>
                  <a:pt x="1577703" y="3394936"/>
                </a:lnTo>
                <a:cubicBezTo>
                  <a:pt x="1577703" y="3264138"/>
                  <a:pt x="1471672" y="3158107"/>
                  <a:pt x="1340874" y="3158107"/>
                </a:cubicBezTo>
                <a:lnTo>
                  <a:pt x="314357" y="3158107"/>
                </a:lnTo>
                <a:cubicBezTo>
                  <a:pt x="161760" y="3158107"/>
                  <a:pt x="34445" y="3049867"/>
                  <a:pt x="5001" y="2905974"/>
                </a:cubicBezTo>
                <a:lnTo>
                  <a:pt x="0" y="2856372"/>
                </a:lnTo>
                <a:lnTo>
                  <a:pt x="0" y="1880853"/>
                </a:lnTo>
                <a:lnTo>
                  <a:pt x="5001" y="1831251"/>
                </a:lnTo>
                <a:cubicBezTo>
                  <a:pt x="34445" y="1687358"/>
                  <a:pt x="161760" y="1579118"/>
                  <a:pt x="314357" y="1579118"/>
                </a:cubicBezTo>
                <a:lnTo>
                  <a:pt x="1341003" y="1579118"/>
                </a:lnTo>
                <a:cubicBezTo>
                  <a:pt x="1471801" y="1579118"/>
                  <a:pt x="1577832" y="1473087"/>
                  <a:pt x="1577832" y="1342289"/>
                </a:cubicBezTo>
                <a:lnTo>
                  <a:pt x="1577832" y="315772"/>
                </a:lnTo>
                <a:cubicBezTo>
                  <a:pt x="1577832" y="141375"/>
                  <a:pt x="1719207" y="0"/>
                  <a:pt x="1893604" y="0"/>
                </a:cubicBezTo>
                <a:close/>
              </a:path>
            </a:pathLst>
          </a:custGeom>
          <a:solidFill>
            <a:srgbClr val="BFBFBF"/>
          </a:solidFill>
        </p:spPr>
        <p:txBody>
          <a:bodyPr wrap="square" tIns="576000" anchor="ctr" anchorCtr="0">
            <a:noAutofit/>
          </a:bodyPr>
          <a:lstStyle>
            <a:lvl1pPr marL="0" indent="0" algn="ctr">
              <a:buNone/>
              <a:defRPr sz="1600">
                <a:solidFill>
                  <a:schemeClr val="bg1"/>
                </a:solidFill>
              </a:defRPr>
            </a:lvl1pPr>
          </a:lstStyle>
          <a:p>
            <a:r>
              <a:rPr lang="en-US"/>
              <a:t>Click icon to add picture</a:t>
            </a:r>
          </a:p>
        </p:txBody>
      </p:sp>
      <p:sp>
        <p:nvSpPr>
          <p:cNvPr id="12" name="Text Placeholder 2">
            <a:extLst>
              <a:ext uri="{FF2B5EF4-FFF2-40B4-BE49-F238E27FC236}">
                <a16:creationId xmlns:a16="http://schemas.microsoft.com/office/drawing/2014/main" id="{2F83CEE2-D054-32A0-6C60-6A2F9D650ADE}"/>
              </a:ext>
            </a:extLst>
          </p:cNvPr>
          <p:cNvSpPr>
            <a:spLocks noGrp="1"/>
          </p:cNvSpPr>
          <p:nvPr userDrawn="1">
            <p:ph type="body" sz="quarter" idx="13" hasCustomPrompt="1"/>
          </p:nvPr>
        </p:nvSpPr>
        <p:spPr>
          <a:xfrm>
            <a:off x="358776" y="1327356"/>
            <a:ext cx="4676774" cy="3960000"/>
          </a:xfrm>
        </p:spPr>
        <p:txBody>
          <a:bodyPr tIns="0" anchor="t" anchorCtr="0"/>
          <a:lstStyle>
            <a:lvl1pPr marL="0" indent="0">
              <a:lnSpc>
                <a:spcPct val="100000"/>
              </a:lnSpc>
              <a:spcBef>
                <a:spcPts val="0"/>
              </a:spcBef>
              <a:spcAft>
                <a:spcPts val="4500"/>
              </a:spcAft>
              <a:buFont typeface="Arial" panose="020B0604020202020204" pitchFamily="34" charset="0"/>
              <a:buChar char="​"/>
              <a:defRPr sz="4000" i="0">
                <a:solidFill>
                  <a:schemeClr val="tx2"/>
                </a:solidFill>
                <a:latin typeface="+mj-lt"/>
              </a:defRPr>
            </a:lvl1pPr>
            <a:lvl2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2pPr>
            <a:lvl3pPr marL="0" indent="0">
              <a:lnSpc>
                <a:spcPct val="100000"/>
              </a:lnSpc>
              <a:spcBef>
                <a:spcPts val="0"/>
              </a:spcBef>
              <a:spcAft>
                <a:spcPts val="600"/>
              </a:spcAft>
              <a:buFont typeface="Arial" panose="020B0604020202020204" pitchFamily="34" charset="0"/>
              <a:buNone/>
              <a:defRPr sz="1400" b="0" cap="all" spc="0" baseline="0">
                <a:solidFill>
                  <a:schemeClr val="tx2"/>
                </a:solidFill>
                <a:latin typeface="Consolas" panose="020B0609020204030204" pitchFamily="49" charset="0"/>
              </a:defRPr>
            </a:lvl3pPr>
            <a:lvl4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4pPr>
            <a:lvl5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5pPr>
            <a:lvl6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6pPr>
            <a:lvl7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7pPr>
            <a:lvl8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8pPr>
            <a:lvl9pPr marL="0" indent="0">
              <a:lnSpc>
                <a:spcPct val="100000"/>
              </a:lnSpc>
              <a:spcBef>
                <a:spcPts val="0"/>
              </a:spcBef>
              <a:spcAft>
                <a:spcPts val="600"/>
              </a:spcAft>
              <a:buFont typeface="Arial" panose="020B0604020202020204" pitchFamily="34" charset="0"/>
              <a:buChar char="​"/>
              <a:defRPr sz="1400" b="0" cap="all" spc="0" baseline="0">
                <a:solidFill>
                  <a:schemeClr val="tx2"/>
                </a:solidFill>
                <a:latin typeface="Consolas" panose="020B0609020204030204" pitchFamily="49" charset="0"/>
              </a:defRPr>
            </a:lvl9pPr>
          </a:lstStyle>
          <a:p>
            <a:pPr marL="0" marR="0" lvl="0" indent="0" algn="l" defTabSz="914400" rtl="0" eaLnBrk="1" fontAlgn="auto" latinLnBrk="0" hangingPunct="1">
              <a:lnSpc>
                <a:spcPct val="100000"/>
              </a:lnSpc>
              <a:spcBef>
                <a:spcPts val="0"/>
              </a:spcBef>
              <a:spcAft>
                <a:spcPts val="4500"/>
              </a:spcAft>
              <a:buClrTx/>
              <a:buSzPct val="90000"/>
              <a:buFont typeface="Arial" panose="020B0604020202020204" pitchFamily="34" charset="0"/>
              <a:buChar char="​"/>
              <a:tabLst/>
              <a:defRPr/>
            </a:pPr>
            <a:r>
              <a:rPr lang="en-US" dirty="0"/>
              <a:t>Click to add a key thought, stat or quote text                   </a:t>
            </a:r>
            <a:r>
              <a:rPr lang="en-US" noProof="0" dirty="0"/>
              <a:t>Enter &amp; TAB to view next text style</a:t>
            </a:r>
            <a:endParaRPr lang="en-US" dirty="0"/>
          </a:p>
          <a:p>
            <a:pPr lvl="1"/>
            <a:r>
              <a:rPr lang="en-US" noProof="0" dirty="0"/>
              <a:t>Add name here</a:t>
            </a:r>
            <a:endParaRPr lang="en-US"/>
          </a:p>
        </p:txBody>
      </p:sp>
      <p:sp>
        <p:nvSpPr>
          <p:cNvPr id="4" name="Legal dynamic" descr="{&quot;templafy&quot;:{&quot;id&quot;:&quot;2166be5a-9262-43c5-9f4e-d656a1af1bec&quot;}}" title="Form.Cigna_Confidentiality.EvernorthConfidentiality">
            <a:extLst>
              <a:ext uri="{FF2B5EF4-FFF2-40B4-BE49-F238E27FC236}">
                <a16:creationId xmlns:a16="http://schemas.microsoft.com/office/drawing/2014/main" id="{7551AE01-EE7C-0BFC-DDDB-F7BD048FCB81}"/>
              </a:ext>
            </a:extLst>
          </p:cNvPr>
          <p:cNvSpPr/>
          <p:nvPr userDrawn="1"/>
        </p:nvSpPr>
        <p:spPr>
          <a:xfrm>
            <a:off x="5923280" y="62172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02F3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5" name="Internal Stamp dynamic" descr="{&quot;templafy&quot;:{&quot;id&quot;:&quot;9256b86d-ed4a-4346-a4a2-fb39540b1e54&quot;}}" title="Form.Cigna_Confidentiality.Cigna_confidentiality">
            <a:extLst>
              <a:ext uri="{FF2B5EF4-FFF2-40B4-BE49-F238E27FC236}">
                <a16:creationId xmlns:a16="http://schemas.microsoft.com/office/drawing/2014/main" id="{81FC5392-C6AA-30C1-C596-4C3C7B220DC1}"/>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02F32"/>
              </a:solidFill>
              <a:effectLst/>
              <a:latin typeface="Arial Narrow" panose="020B0604020202020204" pitchFamily="34" charset="0"/>
              <a:ea typeface="+mn-ea"/>
              <a:cs typeface="+mn-cs"/>
            </a:endParaRPr>
          </a:p>
        </p:txBody>
      </p:sp>
      <p:pic>
        <p:nvPicPr>
          <p:cNvPr id="209481248" name="Dynamic logo hypermint" descr="{&quot;templafy&quot;:{&quot;id&quot;:&quot;6495e9cd-6fe1-4036-8644-a341ebe37844&quot;}}"/>
          <p:cNvPicPr>
            <a:picLocks noChangeAspect="1"/>
          </p:cNvPicPr>
          <p:nvPr/>
        </p:nvPicPr>
        <p:blipFill>
          <a:blip r:embed="rId2"/>
          <a:stretch>
            <a:fillRect/>
          </a:stretch>
        </p:blipFill>
        <p:spPr>
          <a:xfrm>
            <a:off x="346677" y="5882400"/>
            <a:ext cx="2145600" cy="756000"/>
          </a:xfrm>
          <a:prstGeom prst="rect">
            <a:avLst/>
          </a:prstGeom>
        </p:spPr>
      </p:pic>
      <p:sp>
        <p:nvSpPr>
          <p:cNvPr id="15" name="Slide Number Placeholder 14">
            <a:extLst>
              <a:ext uri="{FF2B5EF4-FFF2-40B4-BE49-F238E27FC236}">
                <a16:creationId xmlns:a16="http://schemas.microsoft.com/office/drawing/2014/main" id="{ECD36F20-0F91-EAA5-7FCE-30C9BEA03A96}"/>
              </a:ext>
            </a:extLst>
          </p:cNvPr>
          <p:cNvSpPr>
            <a:spLocks noGrp="1"/>
          </p:cNvSpPr>
          <p:nvPr userDrawn="1">
            <p:ph type="sldNum" sz="quarter" idx="15"/>
          </p:nvPr>
        </p:nvSpPr>
        <p:spPr/>
        <p:txBody>
          <a:bodyPr/>
          <a:lstStyle>
            <a:lvl1pPr>
              <a:defRPr>
                <a:solidFill>
                  <a:srgbClr val="002F32"/>
                </a:solidFill>
              </a:defRPr>
            </a:lvl1pPr>
          </a:lstStyle>
          <a:p>
            <a:fld id="{23AA811B-2EBD-4900-905E-5BE206449611}" type="slidenum">
              <a:rPr lang="en-US" smtClean="0"/>
              <a:pPr/>
              <a:t>‹#›</a:t>
            </a:fld>
            <a:endParaRPr lang="en-US" dirty="0"/>
          </a:p>
        </p:txBody>
      </p:sp>
      <p:sp>
        <p:nvSpPr>
          <p:cNvPr id="6" name="Date Placeholder 5">
            <a:extLst>
              <a:ext uri="{FF2B5EF4-FFF2-40B4-BE49-F238E27FC236}">
                <a16:creationId xmlns:a16="http://schemas.microsoft.com/office/drawing/2014/main" id="{1D5BCD56-10F9-937F-0C84-B41149CE33A5}"/>
              </a:ext>
            </a:extLst>
          </p:cNvPr>
          <p:cNvSpPr>
            <a:spLocks noGrp="1"/>
          </p:cNvSpPr>
          <p:nvPr>
            <p:ph type="dt" sz="half" idx="16"/>
          </p:nvPr>
        </p:nvSpPr>
        <p:spPr>
          <a:xfrm>
            <a:off x="10630800" y="6364800"/>
            <a:ext cx="691200" cy="180000"/>
          </a:xfrm>
        </p:spPr>
        <p:txBody>
          <a:bodyPr/>
          <a:lstStyle>
            <a:lvl1pPr>
              <a:defRPr>
                <a:solidFill>
                  <a:srgbClr val="002F3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062436571"/>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 Cover and Image">
    <p:bg bwMode="ltGray">
      <p:bgPr>
        <a:solidFill>
          <a:schemeClr val="tx1"/>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58824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3" name="Picture Placeholder 6">
            <a:extLst>
              <a:ext uri="{FF2B5EF4-FFF2-40B4-BE49-F238E27FC236}">
                <a16:creationId xmlns:a16="http://schemas.microsoft.com/office/drawing/2014/main" id="{489AB87C-BEED-4339-A4A0-528135700DDA}"/>
              </a:ext>
            </a:extLst>
          </p:cNvPr>
          <p:cNvSpPr>
            <a:spLocks noGrp="1"/>
          </p:cNvSpPr>
          <p:nvPr>
            <p:ph type="pic" sz="quarter" idx="16"/>
          </p:nvPr>
        </p:nvSpPr>
        <p:spPr>
          <a:xfrm>
            <a:off x="5690403" y="2"/>
            <a:ext cx="6501219" cy="5882398"/>
          </a:xfrm>
          <a:custGeom>
            <a:avLst/>
            <a:gdLst>
              <a:gd name="connsiteX0" fmla="*/ 4452578 w 6501219"/>
              <a:gd name="connsiteY0" fmla="*/ 0 h 5882398"/>
              <a:gd name="connsiteX1" fmla="*/ 6501219 w 6501219"/>
              <a:gd name="connsiteY1" fmla="*/ 0 h 5882398"/>
              <a:gd name="connsiteX2" fmla="*/ 6501219 w 6501219"/>
              <a:gd name="connsiteY2" fmla="*/ 5882398 h 5882398"/>
              <a:gd name="connsiteX3" fmla="*/ 0 w 6501219"/>
              <a:gd name="connsiteY3" fmla="*/ 5882398 h 5882398"/>
              <a:gd name="connsiteX4" fmla="*/ 0 w 6501219"/>
              <a:gd name="connsiteY4" fmla="*/ 4449965 h 5882398"/>
              <a:gd name="connsiteX5" fmla="*/ 3693 w 6501219"/>
              <a:gd name="connsiteY5" fmla="*/ 4376844 h 5882398"/>
              <a:gd name="connsiteX6" fmla="*/ 742025 w 6501219"/>
              <a:gd name="connsiteY6" fmla="*/ 3710572 h 5882398"/>
              <a:gd name="connsiteX7" fmla="*/ 3153904 w 6501219"/>
              <a:gd name="connsiteY7" fmla="*/ 3710572 h 5882398"/>
              <a:gd name="connsiteX8" fmla="*/ 3710432 w 6501219"/>
              <a:gd name="connsiteY8" fmla="*/ 3154043 h 5882398"/>
              <a:gd name="connsiteX9" fmla="*/ 3710432 w 6501219"/>
              <a:gd name="connsiteY9" fmla="*/ 742164 h 5882398"/>
              <a:gd name="connsiteX10" fmla="*/ 4376726 w 6501219"/>
              <a:gd name="connsiteY10" fmla="*/ 3830 h 5882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01219" h="5882398">
                <a:moveTo>
                  <a:pt x="4452578" y="0"/>
                </a:moveTo>
                <a:lnTo>
                  <a:pt x="6501219" y="0"/>
                </a:lnTo>
                <a:lnTo>
                  <a:pt x="6501219" y="5882398"/>
                </a:lnTo>
                <a:lnTo>
                  <a:pt x="0" y="5882398"/>
                </a:lnTo>
                <a:lnTo>
                  <a:pt x="0" y="4449965"/>
                </a:lnTo>
                <a:lnTo>
                  <a:pt x="3693" y="4376844"/>
                </a:lnTo>
                <a:cubicBezTo>
                  <a:pt x="41705" y="4002555"/>
                  <a:pt x="357813" y="3710572"/>
                  <a:pt x="742025" y="3710572"/>
                </a:cubicBezTo>
                <a:lnTo>
                  <a:pt x="3153904" y="3710572"/>
                </a:lnTo>
                <a:cubicBezTo>
                  <a:pt x="3461178" y="3710572"/>
                  <a:pt x="3710432" y="3461444"/>
                  <a:pt x="3710432" y="3154043"/>
                </a:cubicBezTo>
                <a:lnTo>
                  <a:pt x="3710432" y="742164"/>
                </a:lnTo>
                <a:cubicBezTo>
                  <a:pt x="3710432" y="357833"/>
                  <a:pt x="4002528" y="41829"/>
                  <a:pt x="4376726" y="3830"/>
                </a:cubicBezTo>
                <a:close/>
              </a:path>
            </a:pathLst>
          </a:custGeom>
          <a:solidFill>
            <a:schemeClr val="tx1">
              <a:lumMod val="85000"/>
            </a:schemeClr>
          </a:solidFill>
        </p:spPr>
        <p:txBody>
          <a:bodyPr wrap="square" lIns="3060000" anchor="ctr" anchorCtr="0">
            <a:noAutofit/>
          </a:bodyPr>
          <a:lstStyle>
            <a:lvl1pPr marL="0" indent="0" algn="ctr">
              <a:buNone/>
              <a:defRPr>
                <a:solidFill>
                  <a:schemeClr val="bg1"/>
                </a:solidFill>
              </a:defRPr>
            </a:lvl1pPr>
          </a:lstStyle>
          <a:p>
            <a:r>
              <a:rPr lang="en-US"/>
              <a:t>Click icon to add picture</a:t>
            </a:r>
          </a:p>
        </p:txBody>
      </p:sp>
      <p:sp>
        <p:nvSpPr>
          <p:cNvPr id="2" name="Title 1"/>
          <p:cNvSpPr>
            <a:spLocks noGrp="1"/>
          </p:cNvSpPr>
          <p:nvPr>
            <p:ph type="ctrTitle" hasCustomPrompt="1"/>
          </p:nvPr>
        </p:nvSpPr>
        <p:spPr>
          <a:xfrm>
            <a:off x="360000" y="1454400"/>
            <a:ext cx="4854938" cy="1820862"/>
          </a:xfrm>
          <a:noFill/>
        </p:spPr>
        <p:txBody>
          <a:bodyPr anchor="b" anchorCtr="0"/>
          <a:lstStyle>
            <a:lvl1pPr algn="l">
              <a:lnSpc>
                <a:spcPct val="85000"/>
              </a:lnSpc>
              <a:defRPr sz="6000" b="0">
                <a:solidFill>
                  <a:srgbClr val="3EFFC0"/>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a:xfrm>
            <a:off x="360000" y="3654000"/>
            <a:ext cx="4854938" cy="1728000"/>
          </a:xfrm>
        </p:spPr>
        <p:txBody>
          <a:bodyPr/>
          <a:lstStyle>
            <a:lvl1pPr marL="0" indent="0">
              <a:lnSpc>
                <a:spcPct val="105000"/>
              </a:lnSpc>
              <a:buNone/>
              <a:defRPr sz="2200">
                <a:solidFill>
                  <a:schemeClr val="tx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10" name="Slide Number Placeholder 9">
            <a:extLst>
              <a:ext uri="{FF2B5EF4-FFF2-40B4-BE49-F238E27FC236}">
                <a16:creationId xmlns:a16="http://schemas.microsoft.com/office/drawing/2014/main" id="{EED5F798-DCF5-874A-2482-A03C773B784F}"/>
              </a:ext>
            </a:extLst>
          </p:cNvPr>
          <p:cNvSpPr>
            <a:spLocks noGrp="1"/>
          </p:cNvSpPr>
          <p:nvPr>
            <p:ph type="sldNum" sz="quarter" idx="15"/>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844D132E-A4C0-B0ED-AFC4-1D3CD4BA89FE}"/>
              </a:ext>
            </a:extLst>
          </p:cNvPr>
          <p:cNvSpPr>
            <a:spLocks noGrp="1"/>
          </p:cNvSpPr>
          <p:nvPr>
            <p:ph type="dt" sz="half" idx="17"/>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94155674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302" userDrawn="1">
          <p15:clr>
            <a:srgbClr val="F26B43"/>
          </p15:clr>
        </p15:guide>
        <p15:guide id="2" orient="horz" pos="2065" userDrawn="1">
          <p15:clr>
            <a:srgbClr val="F26B43"/>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A. End">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19" name="Group graphic">
            <a:extLst>
              <a:ext uri="{FF2B5EF4-FFF2-40B4-BE49-F238E27FC236}">
                <a16:creationId xmlns:a16="http://schemas.microsoft.com/office/drawing/2014/main" id="{BB97AB84-7DC2-652F-33E4-407A8909D9CC}"/>
              </a:ext>
            </a:extLst>
          </p:cNvPr>
          <p:cNvGrpSpPr>
            <a:grpSpLocks noGrp="1" noUngrp="1" noRot="1" noMove="1" noResize="1"/>
          </p:cNvGrpSpPr>
          <p:nvPr userDrawn="1"/>
        </p:nvGrpSpPr>
        <p:grpSpPr bwMode="invGray">
          <a:xfrm>
            <a:off x="6339596" y="0"/>
            <a:ext cx="5852404" cy="6858000"/>
            <a:chOff x="6396158" y="75416"/>
            <a:chExt cx="5852404" cy="6858000"/>
          </a:xfrm>
        </p:grpSpPr>
        <p:sp>
          <p:nvSpPr>
            <p:cNvPr id="20" name="Freeform 76">
              <a:extLst>
                <a:ext uri="{FF2B5EF4-FFF2-40B4-BE49-F238E27FC236}">
                  <a16:creationId xmlns:a16="http://schemas.microsoft.com/office/drawing/2014/main" id="{09C6E577-4AF1-899B-A6D7-0B64E4CA94F0}"/>
                </a:ext>
              </a:extLst>
            </p:cNvPr>
            <p:cNvSpPr>
              <a:spLocks noGrp="1" noRot="1" noMove="1" noResize="1" noEditPoints="1" noAdjustHandles="1" noChangeArrowheads="1" noChangeShapeType="1"/>
            </p:cNvSpPr>
            <p:nvPr/>
          </p:nvSpPr>
          <p:spPr bwMode="invGray">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solidFill>
              <a:schemeClr val="accent1"/>
            </a:solidFill>
            <a:ln w="0" cap="flat">
              <a:noFill/>
              <a:prstDash val="solid"/>
              <a:miter/>
            </a:ln>
          </p:spPr>
          <p:txBody>
            <a:bodyPr rtlCol="0" anchor="ctr"/>
            <a:lstStyle/>
            <a:p>
              <a:endParaRPr lang="en-US" dirty="0"/>
            </a:p>
          </p:txBody>
        </p:sp>
        <p:sp>
          <p:nvSpPr>
            <p:cNvPr id="21" name="Freeform 21">
              <a:extLst>
                <a:ext uri="{FF2B5EF4-FFF2-40B4-BE49-F238E27FC236}">
                  <a16:creationId xmlns:a16="http://schemas.microsoft.com/office/drawing/2014/main" id="{110783A6-9DBF-D6D2-C5BD-DAE7DFE1E4E7}"/>
                </a:ext>
              </a:extLst>
            </p:cNvPr>
            <p:cNvSpPr>
              <a:spLocks noGrp="1" noRot="1" noMove="1" noResize="1" noEditPoints="1" noAdjustHandles="1" noChangeArrowheads="1" noChangeShapeType="1"/>
            </p:cNvSpPr>
            <p:nvPr/>
          </p:nvSpPr>
          <p:spPr bwMode="invGray">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solidFill>
              <a:schemeClr val="accent1"/>
            </a:solidFill>
            <a:ln w="0" cap="flat">
              <a:noFill/>
              <a:prstDash val="solid"/>
              <a:miter/>
            </a:ln>
          </p:spPr>
          <p:txBody>
            <a:bodyPr rtlCol="0" anchor="ctr"/>
            <a:lstStyle/>
            <a:p>
              <a:endParaRPr lang="en-US" dirty="0"/>
            </a:p>
          </p:txBody>
        </p:sp>
        <p:sp>
          <p:nvSpPr>
            <p:cNvPr id="22" name="Freeform 23">
              <a:extLst>
                <a:ext uri="{FF2B5EF4-FFF2-40B4-BE49-F238E27FC236}">
                  <a16:creationId xmlns:a16="http://schemas.microsoft.com/office/drawing/2014/main" id="{E8E7BF74-F933-E50B-ECB3-D024A63E88FE}"/>
                </a:ext>
              </a:extLst>
            </p:cNvPr>
            <p:cNvSpPr>
              <a:spLocks noGrp="1" noRot="1" noMove="1" noResize="1" noEditPoints="1" noAdjustHandles="1" noChangeArrowheads="1" noChangeShapeType="1"/>
            </p:cNvSpPr>
            <p:nvPr/>
          </p:nvSpPr>
          <p:spPr bwMode="invGray">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solidFill>
              <a:schemeClr val="accent1"/>
            </a:solidFill>
            <a:ln w="0" cap="flat">
              <a:noFill/>
              <a:prstDash val="solid"/>
              <a:miter/>
            </a:ln>
          </p:spPr>
          <p:txBody>
            <a:bodyPr rtlCol="0" anchor="ctr"/>
            <a:lstStyle/>
            <a:p>
              <a:endParaRPr lang="en-US" dirty="0"/>
            </a:p>
          </p:txBody>
        </p:sp>
        <p:sp>
          <p:nvSpPr>
            <p:cNvPr id="23" name="Freeform 61">
              <a:extLst>
                <a:ext uri="{FF2B5EF4-FFF2-40B4-BE49-F238E27FC236}">
                  <a16:creationId xmlns:a16="http://schemas.microsoft.com/office/drawing/2014/main" id="{4AF62869-5249-733B-24D5-D3F89D5904B8}"/>
                </a:ext>
              </a:extLst>
            </p:cNvPr>
            <p:cNvSpPr>
              <a:spLocks noGrp="1" noRot="1" noMove="1" noResize="1" noEditPoints="1" noAdjustHandles="1" noChangeArrowheads="1" noChangeShapeType="1"/>
            </p:cNvSpPr>
            <p:nvPr/>
          </p:nvSpPr>
          <p:spPr bwMode="invGray">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solidFill>
              <a:schemeClr val="accent1"/>
            </a:solidFill>
            <a:ln w="0" cap="flat">
              <a:noFill/>
              <a:prstDash val="solid"/>
              <a:miter/>
            </a:ln>
          </p:spPr>
          <p:txBody>
            <a:bodyPr rtlCol="0" anchor="ctr"/>
            <a:lstStyle/>
            <a:p>
              <a:endParaRPr lang="en-US" dirty="0"/>
            </a:p>
          </p:txBody>
        </p:sp>
        <p:sp>
          <p:nvSpPr>
            <p:cNvPr id="24" name="Freeform 56">
              <a:extLst>
                <a:ext uri="{FF2B5EF4-FFF2-40B4-BE49-F238E27FC236}">
                  <a16:creationId xmlns:a16="http://schemas.microsoft.com/office/drawing/2014/main" id="{286532FE-78C8-93EE-63C7-1274D1F9EEBF}"/>
                </a:ext>
              </a:extLst>
            </p:cNvPr>
            <p:cNvSpPr>
              <a:spLocks noGrp="1" noRot="1" noMove="1" noResize="1" noEditPoints="1" noAdjustHandles="1" noChangeArrowheads="1" noChangeShapeType="1"/>
            </p:cNvSpPr>
            <p:nvPr/>
          </p:nvSpPr>
          <p:spPr bwMode="invGray">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solidFill>
              <a:srgbClr val="DAFA87"/>
            </a:solidFill>
            <a:ln w="0" cap="flat">
              <a:noFill/>
              <a:prstDash val="solid"/>
              <a:miter/>
            </a:ln>
          </p:spPr>
          <p:txBody>
            <a:bodyPr rtlCol="0" anchor="ctr"/>
            <a:lstStyle/>
            <a:p>
              <a:endParaRPr lang="en-US" dirty="0"/>
            </a:p>
          </p:txBody>
        </p:sp>
        <p:sp>
          <p:nvSpPr>
            <p:cNvPr id="25" name="Freeform 67">
              <a:extLst>
                <a:ext uri="{FF2B5EF4-FFF2-40B4-BE49-F238E27FC236}">
                  <a16:creationId xmlns:a16="http://schemas.microsoft.com/office/drawing/2014/main" id="{D79BDAE2-7929-CAF4-97F6-75CB941DAD44}"/>
                </a:ext>
              </a:extLst>
            </p:cNvPr>
            <p:cNvSpPr>
              <a:spLocks noGrp="1" noRot="1" noMove="1" noResize="1" noEditPoints="1" noAdjustHandles="1" noChangeArrowheads="1" noChangeShapeType="1"/>
            </p:cNvSpPr>
            <p:nvPr userDrawn="1"/>
          </p:nvSpPr>
          <p:spPr bwMode="invGray">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26" name="Freeform 65">
              <a:extLst>
                <a:ext uri="{FF2B5EF4-FFF2-40B4-BE49-F238E27FC236}">
                  <a16:creationId xmlns:a16="http://schemas.microsoft.com/office/drawing/2014/main" id="{F548E6EA-4DC2-3E72-0D32-ADCCC6EFEBE6}"/>
                </a:ext>
              </a:extLst>
            </p:cNvPr>
            <p:cNvSpPr>
              <a:spLocks noGrp="1" noRot="1" noMove="1" noResize="1" noEditPoints="1" noAdjustHandles="1" noChangeArrowheads="1" noChangeShapeType="1"/>
            </p:cNvSpPr>
            <p:nvPr userDrawn="1"/>
          </p:nvSpPr>
          <p:spPr bwMode="invGray">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2" name="Title 1"/>
          <p:cNvSpPr>
            <a:spLocks noGrp="1"/>
          </p:cNvSpPr>
          <p:nvPr>
            <p:ph type="ctrTitle" hasCustomPrompt="1"/>
          </p:nvPr>
        </p:nvSpPr>
        <p:spPr>
          <a:xfrm>
            <a:off x="360000" y="2859428"/>
            <a:ext cx="5647100" cy="1008000"/>
          </a:xfrm>
          <a:noFill/>
        </p:spPr>
        <p:txBody>
          <a:bodyPr anchor="ctr" anchorCtr="0"/>
          <a:lstStyle>
            <a:lvl1pPr algn="l">
              <a:lnSpc>
                <a:spcPct val="95000"/>
              </a:lnSpc>
              <a:defRPr sz="6200" b="0">
                <a:solidFill>
                  <a:schemeClr val="accent1"/>
                </a:solidFill>
              </a:defRPr>
            </a:lvl1pPr>
          </a:lstStyle>
          <a:p>
            <a:r>
              <a:rPr lang="en-US" dirty="0"/>
              <a:t>Add Thank you</a:t>
            </a:r>
            <a:endParaRPr lang="en-US"/>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15" name="Legal dynamic" descr="{&quot;templafy&quot;:{&quot;id&quot;:&quot;7659a447-51f5-4b8a-b512-15abf0579594&quot;}}" title="Form.Cigna_Confidentiality.EvernorthConfidentiality">
            <a:extLst>
              <a:ext uri="{FF2B5EF4-FFF2-40B4-BE49-F238E27FC236}">
                <a16:creationId xmlns:a16="http://schemas.microsoft.com/office/drawing/2014/main" id="{9F01B46A-535C-85FD-CBBA-B7D9FD817E62}"/>
              </a:ext>
            </a:extLst>
          </p:cNvPr>
          <p:cNvSpPr/>
          <p:nvPr userDrawn="1"/>
        </p:nvSpPr>
        <p:spPr>
          <a:xfrm>
            <a:off x="5743575" y="5066753"/>
            <a:ext cx="4610026" cy="1481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12" name="Internal Stamp dynamic" descr="{&quot;templafy&quot;:{&quot;id&quot;:&quot;f71ffc6c-bb5a-4295-83eb-d688e217d819&quot;}}" title="Form.Cigna_Confidentiality.Cigna_confidentiality">
            <a:extLst>
              <a:ext uri="{FF2B5EF4-FFF2-40B4-BE49-F238E27FC236}">
                <a16:creationId xmlns:a16="http://schemas.microsoft.com/office/drawing/2014/main" id="{B9FF5140-A3C7-4A6F-E88E-925EAAA065CC}"/>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1376154490" name="Dynamic logo hypermint" descr="{&quot;templafy&quot;:{&quot;id&quot;:&quot;a2faf656-cefb-4aaf-a7eb-ec1054f12d57&quot;}}"/>
          <p:cNvPicPr>
            <a:picLocks noChangeAspect="1"/>
          </p:cNvPicPr>
          <p:nvPr/>
        </p:nvPicPr>
        <p:blipFill>
          <a:blip r:embed="rId2"/>
          <a:stretch>
            <a:fillRect/>
          </a:stretch>
        </p:blipFill>
        <p:spPr>
          <a:xfrm>
            <a:off x="346677" y="5882400"/>
            <a:ext cx="2145600" cy="756000"/>
          </a:xfrm>
          <a:prstGeom prst="rect">
            <a:avLst/>
          </a:prstGeom>
        </p:spPr>
      </p:pic>
      <p:sp>
        <p:nvSpPr>
          <p:cNvPr id="3" name="Date Placeholder 5">
            <a:extLst>
              <a:ext uri="{FF2B5EF4-FFF2-40B4-BE49-F238E27FC236}">
                <a16:creationId xmlns:a16="http://schemas.microsoft.com/office/drawing/2014/main" id="{10915375-226F-1427-8C85-D2F114E0B207}"/>
              </a:ext>
            </a:extLst>
          </p:cNvPr>
          <p:cNvSpPr>
            <a:spLocks noGrp="1"/>
          </p:cNvSpPr>
          <p:nvPr>
            <p:ph type="dt" sz="half" idx="17"/>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151437198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B. End">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grpSp>
        <p:nvGrpSpPr>
          <p:cNvPr id="3" name="Group graphic">
            <a:extLst>
              <a:ext uri="{FF2B5EF4-FFF2-40B4-BE49-F238E27FC236}">
                <a16:creationId xmlns:a16="http://schemas.microsoft.com/office/drawing/2014/main" id="{4C7F4774-91E3-B988-5D40-9FDA3753868E}"/>
              </a:ext>
            </a:extLst>
          </p:cNvPr>
          <p:cNvGrpSpPr>
            <a:grpSpLocks noGrp="1" noUngrp="1" noRot="1" noMove="1" noResize="1"/>
          </p:cNvGrpSpPr>
          <p:nvPr userDrawn="1"/>
        </p:nvGrpSpPr>
        <p:grpSpPr>
          <a:xfrm>
            <a:off x="6339596" y="0"/>
            <a:ext cx="5852404" cy="6858000"/>
            <a:chOff x="6396158" y="75416"/>
            <a:chExt cx="5852404" cy="6858000"/>
          </a:xfrm>
          <a:solidFill>
            <a:schemeClr val="accent2"/>
          </a:solidFill>
        </p:grpSpPr>
        <p:sp>
          <p:nvSpPr>
            <p:cNvPr id="8" name="Freeform 76">
              <a:extLst>
                <a:ext uri="{FF2B5EF4-FFF2-40B4-BE49-F238E27FC236}">
                  <a16:creationId xmlns:a16="http://schemas.microsoft.com/office/drawing/2014/main" id="{02F4C8F8-B7A1-7A56-1EE6-5574185D9830}"/>
                </a:ext>
              </a:extLst>
            </p:cNvPr>
            <p:cNvSpPr>
              <a:spLocks noGrp="1" noRot="1" noMove="1" noResize="1" noEditPoints="1" noAdjustHandles="1" noChangeArrowheads="1" noChangeShapeType="1"/>
            </p:cNvSpPr>
            <p:nvPr/>
          </p:nvSpPr>
          <p:spPr>
            <a:xfrm>
              <a:off x="10499364" y="5446278"/>
              <a:ext cx="1749198" cy="1487138"/>
            </a:xfrm>
            <a:custGeom>
              <a:avLst/>
              <a:gdLst>
                <a:gd name="connsiteX0" fmla="*/ 0 w 1698987"/>
                <a:gd name="connsiteY0" fmla="*/ 0 h 1418073"/>
                <a:gd name="connsiteX1" fmla="*/ 1698987 w 1698987"/>
                <a:gd name="connsiteY1" fmla="*/ 0 h 1418073"/>
                <a:gd name="connsiteX2" fmla="*/ 1698987 w 1698987"/>
                <a:gd name="connsiteY2" fmla="*/ 12817 h 1418073"/>
                <a:gd name="connsiteX3" fmla="*/ 12823 w 1698987"/>
                <a:gd name="connsiteY3" fmla="*/ 12817 h 1418073"/>
                <a:gd name="connsiteX4" fmla="*/ 12823 w 1698987"/>
                <a:gd name="connsiteY4" fmla="*/ 1418073 h 1418073"/>
                <a:gd name="connsiteX5" fmla="*/ 0 w 1698987"/>
                <a:gd name="connsiteY5" fmla="*/ 1418073 h 14180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698987" h="1418073">
                  <a:moveTo>
                    <a:pt x="0" y="0"/>
                  </a:moveTo>
                  <a:lnTo>
                    <a:pt x="1698987" y="0"/>
                  </a:lnTo>
                  <a:lnTo>
                    <a:pt x="1698987" y="12817"/>
                  </a:lnTo>
                  <a:lnTo>
                    <a:pt x="12823" y="12817"/>
                  </a:lnTo>
                  <a:lnTo>
                    <a:pt x="12823" y="1418073"/>
                  </a:lnTo>
                  <a:lnTo>
                    <a:pt x="0" y="1418073"/>
                  </a:lnTo>
                  <a:close/>
                </a:path>
              </a:pathLst>
            </a:custGeom>
            <a:grpFill/>
            <a:ln w="0" cap="flat">
              <a:noFill/>
              <a:prstDash val="solid"/>
              <a:miter/>
            </a:ln>
          </p:spPr>
          <p:txBody>
            <a:bodyPr rtlCol="0" anchor="ctr"/>
            <a:lstStyle/>
            <a:p>
              <a:endParaRPr lang="en-US" dirty="0"/>
            </a:p>
          </p:txBody>
        </p:sp>
        <p:sp>
          <p:nvSpPr>
            <p:cNvPr id="12" name="Freeform 21">
              <a:extLst>
                <a:ext uri="{FF2B5EF4-FFF2-40B4-BE49-F238E27FC236}">
                  <a16:creationId xmlns:a16="http://schemas.microsoft.com/office/drawing/2014/main" id="{B4D69A73-9849-A768-CDB9-946001B253AF}"/>
                </a:ext>
              </a:extLst>
            </p:cNvPr>
            <p:cNvSpPr>
              <a:spLocks noGrp="1" noRot="1" noMove="1" noResize="1" noEditPoints="1" noAdjustHandles="1" noChangeArrowheads="1" noChangeShapeType="1"/>
            </p:cNvSpPr>
            <p:nvPr/>
          </p:nvSpPr>
          <p:spPr>
            <a:xfrm>
              <a:off x="8447761" y="3395591"/>
              <a:ext cx="2064425" cy="2063502"/>
            </a:xfrm>
            <a:custGeom>
              <a:avLst/>
              <a:gdLst>
                <a:gd name="connsiteX0" fmla="*/ 2064426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1647438 w 2064425"/>
                <a:gd name="connsiteY5" fmla="*/ 0 h 2063502"/>
                <a:gd name="connsiteX6" fmla="*/ 1647438 w 2064425"/>
                <a:gd name="connsiteY6" fmla="*/ 12817 h 2063502"/>
                <a:gd name="connsiteX7" fmla="*/ 314152 w 2064425"/>
                <a:gd name="connsiteY7" fmla="*/ 12817 h 2063502"/>
                <a:gd name="connsiteX8" fmla="*/ 12823 w 2064425"/>
                <a:gd name="connsiteY8" fmla="*/ 314011 h 2063502"/>
                <a:gd name="connsiteX9" fmla="*/ 12823 w 2064425"/>
                <a:gd name="connsiteY9" fmla="*/ 1749491 h 2063502"/>
                <a:gd name="connsiteX10" fmla="*/ 314152 w 2064425"/>
                <a:gd name="connsiteY10" fmla="*/ 2050686 h 2063502"/>
                <a:gd name="connsiteX11" fmla="*/ 2051603 w 2064425"/>
                <a:gd name="connsiteY11" fmla="*/ 2050686 h 2063502"/>
                <a:gd name="connsiteX12" fmla="*/ 2051603 w 2064425"/>
                <a:gd name="connsiteY12" fmla="*/ 431413 h 2063502"/>
                <a:gd name="connsiteX13" fmla="*/ 2064426 w 2064425"/>
                <a:gd name="connsiteY13" fmla="*/ 431413 h 2063502"/>
                <a:gd name="connsiteX14" fmla="*/ 2064426 w 2064425"/>
                <a:gd name="connsiteY14" fmla="*/ 2063503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064425" h="2063502">
                  <a:moveTo>
                    <a:pt x="2064426" y="2063503"/>
                  </a:moveTo>
                  <a:lnTo>
                    <a:pt x="314152" y="2063503"/>
                  </a:lnTo>
                  <a:cubicBezTo>
                    <a:pt x="141048" y="2063503"/>
                    <a:pt x="0" y="1922518"/>
                    <a:pt x="0" y="1749491"/>
                  </a:cubicBezTo>
                  <a:lnTo>
                    <a:pt x="0" y="314011"/>
                  </a:lnTo>
                  <a:cubicBezTo>
                    <a:pt x="0" y="140985"/>
                    <a:pt x="141048" y="0"/>
                    <a:pt x="314152" y="0"/>
                  </a:cubicBezTo>
                  <a:lnTo>
                    <a:pt x="1647438" y="0"/>
                  </a:lnTo>
                  <a:lnTo>
                    <a:pt x="1647438" y="12817"/>
                  </a:lnTo>
                  <a:lnTo>
                    <a:pt x="314152" y="12817"/>
                  </a:lnTo>
                  <a:cubicBezTo>
                    <a:pt x="147972" y="12817"/>
                    <a:pt x="12823" y="147906"/>
                    <a:pt x="12823" y="314011"/>
                  </a:cubicBezTo>
                  <a:lnTo>
                    <a:pt x="12823" y="1749491"/>
                  </a:lnTo>
                  <a:cubicBezTo>
                    <a:pt x="12823" y="1915597"/>
                    <a:pt x="147972" y="2050686"/>
                    <a:pt x="314152" y="2050686"/>
                  </a:cubicBezTo>
                  <a:lnTo>
                    <a:pt x="2051603" y="2050686"/>
                  </a:lnTo>
                  <a:lnTo>
                    <a:pt x="2051603" y="431413"/>
                  </a:lnTo>
                  <a:lnTo>
                    <a:pt x="2064426" y="431413"/>
                  </a:lnTo>
                  <a:lnTo>
                    <a:pt x="2064426" y="2063503"/>
                  </a:lnTo>
                  <a:close/>
                </a:path>
              </a:pathLst>
            </a:custGeom>
            <a:grpFill/>
            <a:ln w="0" cap="flat">
              <a:noFill/>
              <a:prstDash val="solid"/>
              <a:miter/>
            </a:ln>
          </p:spPr>
          <p:txBody>
            <a:bodyPr rtlCol="0" anchor="ctr"/>
            <a:lstStyle/>
            <a:p>
              <a:endParaRPr lang="en-US" dirty="0"/>
            </a:p>
          </p:txBody>
        </p:sp>
        <p:sp>
          <p:nvSpPr>
            <p:cNvPr id="14" name="Freeform 23">
              <a:extLst>
                <a:ext uri="{FF2B5EF4-FFF2-40B4-BE49-F238E27FC236}">
                  <a16:creationId xmlns:a16="http://schemas.microsoft.com/office/drawing/2014/main" id="{524E4213-679F-A5AB-A8B4-F07C41020E2C}"/>
                </a:ext>
              </a:extLst>
            </p:cNvPr>
            <p:cNvSpPr>
              <a:spLocks noGrp="1" noRot="1" noMove="1" noResize="1" noEditPoints="1" noAdjustHandles="1" noChangeArrowheads="1" noChangeShapeType="1"/>
            </p:cNvSpPr>
            <p:nvPr/>
          </p:nvSpPr>
          <p:spPr>
            <a:xfrm>
              <a:off x="6396158" y="1344905"/>
              <a:ext cx="2064425" cy="2063502"/>
            </a:xfrm>
            <a:custGeom>
              <a:avLst/>
              <a:gdLst>
                <a:gd name="connsiteX0" fmla="*/ 1750274 w 2064425"/>
                <a:gd name="connsiteY0" fmla="*/ 2063503 h 2063502"/>
                <a:gd name="connsiteX1" fmla="*/ 314152 w 2064425"/>
                <a:gd name="connsiteY1" fmla="*/ 2063503 h 2063502"/>
                <a:gd name="connsiteX2" fmla="*/ 0 w 2064425"/>
                <a:gd name="connsiteY2" fmla="*/ 1749491 h 2063502"/>
                <a:gd name="connsiteX3" fmla="*/ 0 w 2064425"/>
                <a:gd name="connsiteY3" fmla="*/ 314011 h 2063502"/>
                <a:gd name="connsiteX4" fmla="*/ 314152 w 2064425"/>
                <a:gd name="connsiteY4" fmla="*/ 0 h 2063502"/>
                <a:gd name="connsiteX5" fmla="*/ 2064426 w 2064425"/>
                <a:gd name="connsiteY5" fmla="*/ 0 h 2063502"/>
                <a:gd name="connsiteX6" fmla="*/ 2064426 w 2064425"/>
                <a:gd name="connsiteY6" fmla="*/ 1749491 h 2063502"/>
                <a:gd name="connsiteX7" fmla="*/ 1750274 w 2064425"/>
                <a:gd name="connsiteY7" fmla="*/ 2063503 h 2063502"/>
                <a:gd name="connsiteX8" fmla="*/ 314152 w 2064425"/>
                <a:gd name="connsiteY8" fmla="*/ 12817 h 2063502"/>
                <a:gd name="connsiteX9" fmla="*/ 12823 w 2064425"/>
                <a:gd name="connsiteY9" fmla="*/ 314011 h 2063502"/>
                <a:gd name="connsiteX10" fmla="*/ 12823 w 2064425"/>
                <a:gd name="connsiteY10" fmla="*/ 1749491 h 2063502"/>
                <a:gd name="connsiteX11" fmla="*/ 314152 w 2064425"/>
                <a:gd name="connsiteY11" fmla="*/ 2050686 h 2063502"/>
                <a:gd name="connsiteX12" fmla="*/ 1750274 w 2064425"/>
                <a:gd name="connsiteY12" fmla="*/ 2050686 h 2063502"/>
                <a:gd name="connsiteX13" fmla="*/ 2051603 w 2064425"/>
                <a:gd name="connsiteY13" fmla="*/ 1749491 h 2063502"/>
                <a:gd name="connsiteX14" fmla="*/ 2051603 w 2064425"/>
                <a:gd name="connsiteY14" fmla="*/ 12817 h 2063502"/>
                <a:gd name="connsiteX15" fmla="*/ 314152 w 2064425"/>
                <a:gd name="connsiteY15" fmla="*/ 12817 h 2063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064425" h="2063502">
                  <a:moveTo>
                    <a:pt x="1750274" y="2063503"/>
                  </a:moveTo>
                  <a:lnTo>
                    <a:pt x="314152" y="2063503"/>
                  </a:lnTo>
                  <a:cubicBezTo>
                    <a:pt x="141048" y="2063503"/>
                    <a:pt x="0" y="1922518"/>
                    <a:pt x="0" y="1749491"/>
                  </a:cubicBezTo>
                  <a:lnTo>
                    <a:pt x="0" y="314011"/>
                  </a:lnTo>
                  <a:cubicBezTo>
                    <a:pt x="0" y="140985"/>
                    <a:pt x="141048" y="0"/>
                    <a:pt x="314152" y="0"/>
                  </a:cubicBezTo>
                  <a:lnTo>
                    <a:pt x="2064426" y="0"/>
                  </a:lnTo>
                  <a:lnTo>
                    <a:pt x="2064426" y="1749491"/>
                  </a:lnTo>
                  <a:cubicBezTo>
                    <a:pt x="2064426" y="1922518"/>
                    <a:pt x="1923378" y="2063503"/>
                    <a:pt x="1750274" y="2063503"/>
                  </a:cubicBezTo>
                  <a:close/>
                  <a:moveTo>
                    <a:pt x="314152" y="12817"/>
                  </a:moveTo>
                  <a:cubicBezTo>
                    <a:pt x="147972" y="12817"/>
                    <a:pt x="12823" y="147906"/>
                    <a:pt x="12823" y="314011"/>
                  </a:cubicBezTo>
                  <a:lnTo>
                    <a:pt x="12823" y="1749491"/>
                  </a:lnTo>
                  <a:cubicBezTo>
                    <a:pt x="12823" y="1915597"/>
                    <a:pt x="147972" y="2050686"/>
                    <a:pt x="314152" y="2050686"/>
                  </a:cubicBezTo>
                  <a:lnTo>
                    <a:pt x="1750274" y="2050686"/>
                  </a:lnTo>
                  <a:cubicBezTo>
                    <a:pt x="1916454" y="2050686"/>
                    <a:pt x="2051603" y="1915597"/>
                    <a:pt x="2051603" y="1749491"/>
                  </a:cubicBezTo>
                  <a:lnTo>
                    <a:pt x="2051603" y="12817"/>
                  </a:lnTo>
                  <a:lnTo>
                    <a:pt x="314152" y="12817"/>
                  </a:lnTo>
                  <a:close/>
                </a:path>
              </a:pathLst>
            </a:custGeom>
            <a:grpFill/>
            <a:ln w="0" cap="flat">
              <a:noFill/>
              <a:prstDash val="solid"/>
              <a:miter/>
            </a:ln>
          </p:spPr>
          <p:txBody>
            <a:bodyPr rtlCol="0" anchor="ctr"/>
            <a:lstStyle/>
            <a:p>
              <a:endParaRPr lang="en-US" dirty="0"/>
            </a:p>
          </p:txBody>
        </p:sp>
        <p:sp>
          <p:nvSpPr>
            <p:cNvPr id="15" name="Freeform 61">
              <a:extLst>
                <a:ext uri="{FF2B5EF4-FFF2-40B4-BE49-F238E27FC236}">
                  <a16:creationId xmlns:a16="http://schemas.microsoft.com/office/drawing/2014/main" id="{2BD075AE-1EF0-FEAC-627C-1B8737DA5C0B}"/>
                </a:ext>
              </a:extLst>
            </p:cNvPr>
            <p:cNvSpPr>
              <a:spLocks noGrp="1" noRot="1" noMove="1" noResize="1" noEditPoints="1" noAdjustHandles="1" noChangeArrowheads="1" noChangeShapeType="1"/>
            </p:cNvSpPr>
            <p:nvPr/>
          </p:nvSpPr>
          <p:spPr>
            <a:xfrm>
              <a:off x="8447760" y="75416"/>
              <a:ext cx="2064426" cy="1282307"/>
            </a:xfrm>
            <a:custGeom>
              <a:avLst/>
              <a:gdLst>
                <a:gd name="connsiteX0" fmla="*/ 0 w 2064426"/>
                <a:gd name="connsiteY0" fmla="*/ 0 h 1357723"/>
                <a:gd name="connsiteX1" fmla="*/ 12823 w 2064426"/>
                <a:gd name="connsiteY1" fmla="*/ 0 h 1357723"/>
                <a:gd name="connsiteX2" fmla="*/ 12823 w 2064426"/>
                <a:gd name="connsiteY2" fmla="*/ 1344906 h 1357723"/>
                <a:gd name="connsiteX3" fmla="*/ 2051603 w 2064426"/>
                <a:gd name="connsiteY3" fmla="*/ 1344906 h 1357723"/>
                <a:gd name="connsiteX4" fmla="*/ 2051603 w 2064426"/>
                <a:gd name="connsiteY4" fmla="*/ 0 h 1357723"/>
                <a:gd name="connsiteX5" fmla="*/ 2064426 w 2064426"/>
                <a:gd name="connsiteY5" fmla="*/ 0 h 1357723"/>
                <a:gd name="connsiteX6" fmla="*/ 2064426 w 2064426"/>
                <a:gd name="connsiteY6" fmla="*/ 1357723 h 1357723"/>
                <a:gd name="connsiteX7" fmla="*/ 0 w 2064426"/>
                <a:gd name="connsiteY7" fmla="*/ 1357723 h 13577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64426" h="1357723">
                  <a:moveTo>
                    <a:pt x="0" y="0"/>
                  </a:moveTo>
                  <a:lnTo>
                    <a:pt x="12823" y="0"/>
                  </a:lnTo>
                  <a:lnTo>
                    <a:pt x="12823" y="1344906"/>
                  </a:lnTo>
                  <a:lnTo>
                    <a:pt x="2051603" y="1344906"/>
                  </a:lnTo>
                  <a:lnTo>
                    <a:pt x="2051603" y="0"/>
                  </a:lnTo>
                  <a:lnTo>
                    <a:pt x="2064426" y="0"/>
                  </a:lnTo>
                  <a:lnTo>
                    <a:pt x="2064426" y="1357723"/>
                  </a:lnTo>
                  <a:lnTo>
                    <a:pt x="0" y="1357723"/>
                  </a:lnTo>
                  <a:close/>
                </a:path>
              </a:pathLst>
            </a:custGeom>
            <a:grpFill/>
            <a:ln w="0" cap="flat">
              <a:noFill/>
              <a:prstDash val="solid"/>
              <a:miter/>
            </a:ln>
          </p:spPr>
          <p:txBody>
            <a:bodyPr rtlCol="0" anchor="ctr"/>
            <a:lstStyle/>
            <a:p>
              <a:endParaRPr lang="en-US" dirty="0"/>
            </a:p>
          </p:txBody>
        </p:sp>
        <p:sp>
          <p:nvSpPr>
            <p:cNvPr id="16" name="Freeform 56">
              <a:extLst>
                <a:ext uri="{FF2B5EF4-FFF2-40B4-BE49-F238E27FC236}">
                  <a16:creationId xmlns:a16="http://schemas.microsoft.com/office/drawing/2014/main" id="{DFECA281-80B2-B366-39D6-0CB0C6CB43A9}"/>
                </a:ext>
              </a:extLst>
            </p:cNvPr>
            <p:cNvSpPr>
              <a:spLocks noGrp="1" noRot="1" noMove="1" noResize="1" noEditPoints="1" noAdjustHandles="1" noChangeArrowheads="1" noChangeShapeType="1"/>
            </p:cNvSpPr>
            <p:nvPr/>
          </p:nvSpPr>
          <p:spPr>
            <a:xfrm>
              <a:off x="10300615" y="3196931"/>
              <a:ext cx="410320" cy="410137"/>
            </a:xfrm>
            <a:custGeom>
              <a:avLst/>
              <a:gdLst>
                <a:gd name="connsiteX0" fmla="*/ 410321 w 410320"/>
                <a:gd name="connsiteY0" fmla="*/ 157390 h 410137"/>
                <a:gd name="connsiteX1" fmla="*/ 252860 w 410320"/>
                <a:gd name="connsiteY1" fmla="*/ 157390 h 410137"/>
                <a:gd name="connsiteX2" fmla="*/ 252860 w 410320"/>
                <a:gd name="connsiteY2" fmla="*/ 0 h 410137"/>
                <a:gd name="connsiteX3" fmla="*/ 157461 w 410320"/>
                <a:gd name="connsiteY3" fmla="*/ 0 h 410137"/>
                <a:gd name="connsiteX4" fmla="*/ 157461 w 410320"/>
                <a:gd name="connsiteY4" fmla="*/ 157390 h 410137"/>
                <a:gd name="connsiteX5" fmla="*/ 0 w 410320"/>
                <a:gd name="connsiteY5" fmla="*/ 157390 h 410137"/>
                <a:gd name="connsiteX6" fmla="*/ 0 w 410320"/>
                <a:gd name="connsiteY6" fmla="*/ 252747 h 410137"/>
                <a:gd name="connsiteX7" fmla="*/ 157461 w 410320"/>
                <a:gd name="connsiteY7" fmla="*/ 252747 h 410137"/>
                <a:gd name="connsiteX8" fmla="*/ 157461 w 410320"/>
                <a:gd name="connsiteY8" fmla="*/ 410137 h 410137"/>
                <a:gd name="connsiteX9" fmla="*/ 252860 w 410320"/>
                <a:gd name="connsiteY9" fmla="*/ 410137 h 410137"/>
                <a:gd name="connsiteX10" fmla="*/ 252860 w 410320"/>
                <a:gd name="connsiteY10" fmla="*/ 252747 h 410137"/>
                <a:gd name="connsiteX11" fmla="*/ 410321 w 410320"/>
                <a:gd name="connsiteY11" fmla="*/ 252747 h 410137"/>
                <a:gd name="connsiteX12" fmla="*/ 410321 w 410320"/>
                <a:gd name="connsiteY12" fmla="*/ 157390 h 4101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10320" h="410137">
                  <a:moveTo>
                    <a:pt x="410321" y="157390"/>
                  </a:moveTo>
                  <a:lnTo>
                    <a:pt x="252860" y="157390"/>
                  </a:lnTo>
                  <a:lnTo>
                    <a:pt x="252860" y="0"/>
                  </a:lnTo>
                  <a:lnTo>
                    <a:pt x="157461" y="0"/>
                  </a:lnTo>
                  <a:lnTo>
                    <a:pt x="157461" y="157390"/>
                  </a:lnTo>
                  <a:lnTo>
                    <a:pt x="0" y="157390"/>
                  </a:lnTo>
                  <a:lnTo>
                    <a:pt x="0" y="252747"/>
                  </a:lnTo>
                  <a:lnTo>
                    <a:pt x="157461" y="252747"/>
                  </a:lnTo>
                  <a:lnTo>
                    <a:pt x="157461" y="410137"/>
                  </a:lnTo>
                  <a:lnTo>
                    <a:pt x="252860" y="410137"/>
                  </a:lnTo>
                  <a:lnTo>
                    <a:pt x="252860" y="252747"/>
                  </a:lnTo>
                  <a:lnTo>
                    <a:pt x="410321" y="252747"/>
                  </a:lnTo>
                  <a:lnTo>
                    <a:pt x="410321" y="157390"/>
                  </a:lnTo>
                  <a:close/>
                </a:path>
              </a:pathLst>
            </a:custGeom>
            <a:solidFill>
              <a:srgbClr val="008F83"/>
            </a:solidFill>
            <a:ln w="0" cap="flat">
              <a:noFill/>
              <a:prstDash val="solid"/>
              <a:miter/>
            </a:ln>
          </p:spPr>
          <p:txBody>
            <a:bodyPr rtlCol="0" anchor="ctr"/>
            <a:lstStyle/>
            <a:p>
              <a:endParaRPr lang="en-US" dirty="0"/>
            </a:p>
          </p:txBody>
        </p:sp>
        <p:sp>
          <p:nvSpPr>
            <p:cNvPr id="17" name="Freeform 67">
              <a:extLst>
                <a:ext uri="{FF2B5EF4-FFF2-40B4-BE49-F238E27FC236}">
                  <a16:creationId xmlns:a16="http://schemas.microsoft.com/office/drawing/2014/main" id="{15E23DFE-D760-B790-7B2A-8A43A8E31786}"/>
                </a:ext>
              </a:extLst>
            </p:cNvPr>
            <p:cNvSpPr>
              <a:spLocks noGrp="1" noRot="1" noMove="1" noResize="1" noEditPoints="1" noAdjustHandles="1" noChangeArrowheads="1" noChangeShapeType="1"/>
            </p:cNvSpPr>
            <p:nvPr userDrawn="1"/>
          </p:nvSpPr>
          <p:spPr>
            <a:xfrm>
              <a:off x="10499364" y="1344906"/>
              <a:ext cx="1749198" cy="1646957"/>
            </a:xfrm>
            <a:custGeom>
              <a:avLst/>
              <a:gdLst>
                <a:gd name="connsiteX0" fmla="*/ 0 w 1692636"/>
                <a:gd name="connsiteY0" fmla="*/ 0 h 1646957"/>
                <a:gd name="connsiteX1" fmla="*/ 1692636 w 1692636"/>
                <a:gd name="connsiteY1" fmla="*/ 0 h 1646957"/>
                <a:gd name="connsiteX2" fmla="*/ 1692636 w 1692636"/>
                <a:gd name="connsiteY2" fmla="*/ 12817 h 1646957"/>
                <a:gd name="connsiteX3" fmla="*/ 12823 w 1692636"/>
                <a:gd name="connsiteY3" fmla="*/ 12817 h 1646957"/>
                <a:gd name="connsiteX4" fmla="*/ 12823 w 1692636"/>
                <a:gd name="connsiteY4" fmla="*/ 1646957 h 1646957"/>
                <a:gd name="connsiteX5" fmla="*/ 0 w 1692636"/>
                <a:gd name="connsiteY5" fmla="*/ 1646957 h 1646957"/>
                <a:gd name="connsiteX6" fmla="*/ 0 w 1692636"/>
                <a:gd name="connsiteY6" fmla="*/ 0 h 16469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92636" h="1646957">
                  <a:moveTo>
                    <a:pt x="0" y="0"/>
                  </a:moveTo>
                  <a:lnTo>
                    <a:pt x="1692636" y="0"/>
                  </a:lnTo>
                  <a:lnTo>
                    <a:pt x="1692636" y="12817"/>
                  </a:lnTo>
                  <a:lnTo>
                    <a:pt x="12823" y="12817"/>
                  </a:lnTo>
                  <a:lnTo>
                    <a:pt x="12823" y="1646957"/>
                  </a:lnTo>
                  <a:lnTo>
                    <a:pt x="0" y="164695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18" name="Freeform 65">
              <a:extLst>
                <a:ext uri="{FF2B5EF4-FFF2-40B4-BE49-F238E27FC236}">
                  <a16:creationId xmlns:a16="http://schemas.microsoft.com/office/drawing/2014/main" id="{BA417C09-F446-DD26-FBBA-5CD31B67C4D6}"/>
                </a:ext>
              </a:extLst>
            </p:cNvPr>
            <p:cNvSpPr>
              <a:spLocks noGrp="1" noRot="1" noMove="1" noResize="1" noEditPoints="1" noAdjustHandles="1" noChangeArrowheads="1" noChangeShapeType="1"/>
            </p:cNvSpPr>
            <p:nvPr userDrawn="1"/>
          </p:nvSpPr>
          <p:spPr>
            <a:xfrm>
              <a:off x="10916096" y="3395592"/>
              <a:ext cx="1332000" cy="12817"/>
            </a:xfrm>
            <a:custGeom>
              <a:avLst/>
              <a:gdLst>
                <a:gd name="connsiteX0" fmla="*/ 0 w 1275904"/>
                <a:gd name="connsiteY0" fmla="*/ 0 h 12817"/>
                <a:gd name="connsiteX1" fmla="*/ 1275904 w 1275904"/>
                <a:gd name="connsiteY1" fmla="*/ 0 h 12817"/>
                <a:gd name="connsiteX2" fmla="*/ 1275904 w 1275904"/>
                <a:gd name="connsiteY2" fmla="*/ 12817 h 12817"/>
                <a:gd name="connsiteX3" fmla="*/ 0 w 1275904"/>
                <a:gd name="connsiteY3" fmla="*/ 12817 h 12817"/>
                <a:gd name="connsiteX4" fmla="*/ 0 w 1275904"/>
                <a:gd name="connsiteY4" fmla="*/ 0 h 1281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75904" h="12817">
                  <a:moveTo>
                    <a:pt x="0" y="0"/>
                  </a:moveTo>
                  <a:lnTo>
                    <a:pt x="1275904" y="0"/>
                  </a:lnTo>
                  <a:lnTo>
                    <a:pt x="1275904" y="12817"/>
                  </a:lnTo>
                  <a:lnTo>
                    <a:pt x="0" y="12817"/>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grpSp>
      <p:sp>
        <p:nvSpPr>
          <p:cNvPr id="9" name="Title 1">
            <a:extLst>
              <a:ext uri="{FF2B5EF4-FFF2-40B4-BE49-F238E27FC236}">
                <a16:creationId xmlns:a16="http://schemas.microsoft.com/office/drawing/2014/main" id="{491ADEAC-C7FB-9CFE-2988-34C6A6DB74BB}"/>
              </a:ext>
            </a:extLst>
          </p:cNvPr>
          <p:cNvSpPr>
            <a:spLocks noGrp="1"/>
          </p:cNvSpPr>
          <p:nvPr>
            <p:ph type="ctrTitle" hasCustomPrompt="1"/>
          </p:nvPr>
        </p:nvSpPr>
        <p:spPr>
          <a:xfrm>
            <a:off x="360000" y="2859428"/>
            <a:ext cx="5647100" cy="1008000"/>
          </a:xfrm>
          <a:noFill/>
        </p:spPr>
        <p:txBody>
          <a:bodyPr anchor="ctr" anchorCtr="0"/>
          <a:lstStyle>
            <a:lvl1pPr algn="l">
              <a:lnSpc>
                <a:spcPct val="95000"/>
              </a:lnSpc>
              <a:defRPr sz="6200" b="0">
                <a:solidFill>
                  <a:srgbClr val="035C67"/>
                </a:solidFill>
              </a:defRPr>
            </a:lvl1pPr>
          </a:lstStyle>
          <a:p>
            <a:r>
              <a:rPr lang="en-US" dirty="0"/>
              <a:t>Add Thank you</a:t>
            </a:r>
            <a:endParaRPr lang="en-US"/>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rgbClr val="035C67"/>
                </a:solidFill>
              </a:defRPr>
            </a:lvl1pPr>
          </a:lstStyle>
          <a:p>
            <a:fld id="{23AA811B-2EBD-4900-905E-5BE206449611}" type="slidenum">
              <a:rPr lang="en-US" smtClean="0"/>
              <a:pPr/>
              <a:t>‹#›</a:t>
            </a:fld>
            <a:endParaRPr lang="en-US" dirty="0"/>
          </a:p>
        </p:txBody>
      </p:sp>
      <p:pic>
        <p:nvPicPr>
          <p:cNvPr id="1069578933" name="Dynamic logo dark mint" descr="{&quot;templafy&quot;:{&quot;id&quot;:&quot;c2bbf45c-16c7-46c8-873c-e755cae6cec7&quot;}}"/>
          <p:cNvPicPr>
            <a:picLocks noChangeAspect="1"/>
          </p:cNvPicPr>
          <p:nvPr/>
        </p:nvPicPr>
        <p:blipFill>
          <a:blip r:embed="rId2"/>
          <a:stretch>
            <a:fillRect/>
          </a:stretch>
        </p:blipFill>
        <p:spPr>
          <a:xfrm>
            <a:off x="346677" y="5882400"/>
            <a:ext cx="2145600" cy="756000"/>
          </a:xfrm>
          <a:prstGeom prst="rect">
            <a:avLst/>
          </a:prstGeom>
        </p:spPr>
      </p:pic>
      <p:sp>
        <p:nvSpPr>
          <p:cNvPr id="22" name="Legal dynamic" descr="{&quot;templafy&quot;:{&quot;id&quot;:&quot;d1f8cc19-06df-4315-b015-70162de2b7a8&quot;}}" title="Form.Cigna_Confidentiality.EvernorthConfidentiality">
            <a:extLst>
              <a:ext uri="{FF2B5EF4-FFF2-40B4-BE49-F238E27FC236}">
                <a16:creationId xmlns:a16="http://schemas.microsoft.com/office/drawing/2014/main" id="{25518CBB-38BE-C5F2-4175-6C9E78FBB615}"/>
              </a:ext>
            </a:extLst>
          </p:cNvPr>
          <p:cNvSpPr/>
          <p:nvPr userDrawn="1"/>
        </p:nvSpPr>
        <p:spPr>
          <a:xfrm>
            <a:off x="5743575" y="5066753"/>
            <a:ext cx="4610026" cy="1481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23" name="Internal Stamp dynamic" descr="{&quot;templafy&quot;:{&quot;id&quot;:&quot;18217850-65dd-433e-93d8-0d552894fa76&quot;}}" title="Form.Cigna_Confidentiality.Cigna_confidentiality">
            <a:extLst>
              <a:ext uri="{FF2B5EF4-FFF2-40B4-BE49-F238E27FC236}">
                <a16:creationId xmlns:a16="http://schemas.microsoft.com/office/drawing/2014/main" id="{21342585-89CD-24C6-6D0A-7F636F0F0499}"/>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sp>
        <p:nvSpPr>
          <p:cNvPr id="2" name="Date Placeholder 1">
            <a:extLst>
              <a:ext uri="{FF2B5EF4-FFF2-40B4-BE49-F238E27FC236}">
                <a16:creationId xmlns:a16="http://schemas.microsoft.com/office/drawing/2014/main" id="{B5F23221-5B6C-B73C-0C12-77450D428408}"/>
              </a:ext>
            </a:extLst>
          </p:cNvPr>
          <p:cNvSpPr>
            <a:spLocks noGrp="1"/>
          </p:cNvSpPr>
          <p:nvPr>
            <p:ph type="dt" sz="half" idx="17"/>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483649471"/>
      </p:ext>
    </p:extLst>
  </p:cSld>
  <p:clrMapOvr>
    <a:masterClrMapping/>
  </p:clrMapOvr>
  <p:extLst>
    <p:ext uri="{DCECCB84-F9BA-43D5-87BE-67443E8EF086}">
      <p15:sldGuideLst xmlns:p15="http://schemas.microsoft.com/office/powerpoint/2012/main">
        <p15:guide id="1" orient="horz" pos="2309">
          <p15:clr>
            <a:srgbClr val="F26B43"/>
          </p15:clr>
        </p15:guide>
        <p15:guide id="2" orient="horz" pos="2083">
          <p15:clr>
            <a:srgbClr val="F26B43"/>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C. End ">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pic>
        <p:nvPicPr>
          <p:cNvPr id="15" name="Graphic 14">
            <a:extLst>
              <a:ext uri="{FF2B5EF4-FFF2-40B4-BE49-F238E27FC236}">
                <a16:creationId xmlns:a16="http://schemas.microsoft.com/office/drawing/2014/main" id="{A373848D-BEC8-22F9-6800-70109B361772}"/>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 xmlns:asvg="http://schemas.microsoft.com/office/drawing/2016/SVG/main" r:embed="rId3"/>
              </a:ext>
            </a:extLst>
          </a:blip>
          <a:stretch>
            <a:fillRect/>
          </a:stretch>
        </p:blipFill>
        <p:spPr>
          <a:xfrm>
            <a:off x="0" y="0"/>
            <a:ext cx="12192000" cy="6858000"/>
          </a:xfrm>
          <a:prstGeom prst="rect">
            <a:avLst/>
          </a:prstGeom>
        </p:spPr>
      </p:pic>
      <p:sp>
        <p:nvSpPr>
          <p:cNvPr id="2" name="Title 1"/>
          <p:cNvSpPr>
            <a:spLocks noGrp="1"/>
          </p:cNvSpPr>
          <p:nvPr>
            <p:ph type="ctrTitle" hasCustomPrompt="1"/>
          </p:nvPr>
        </p:nvSpPr>
        <p:spPr bwMode="white">
          <a:xfrm>
            <a:off x="3898200" y="2929075"/>
            <a:ext cx="4395600" cy="900000"/>
          </a:xfrm>
          <a:noFill/>
        </p:spPr>
        <p:txBody>
          <a:bodyPr anchor="ctr" anchorCtr="0"/>
          <a:lstStyle>
            <a:lvl1pPr algn="ctr">
              <a:lnSpc>
                <a:spcPct val="95000"/>
              </a:lnSpc>
              <a:defRPr sz="5000" b="0">
                <a:solidFill>
                  <a:schemeClr val="accent1"/>
                </a:solidFill>
              </a:defRPr>
            </a:lvl1pPr>
          </a:lstStyle>
          <a:p>
            <a:r>
              <a:rPr lang="en-US" dirty="0"/>
              <a:t>Add Thank you</a:t>
            </a:r>
            <a:endParaRPr lang="en-US"/>
          </a:p>
        </p:txBody>
      </p:sp>
      <p:sp>
        <p:nvSpPr>
          <p:cNvPr id="3" name="Legal dynamic" descr="{&quot;templafy&quot;:{&quot;id&quot;:&quot;e7674626-b0d1-4ea0-b115-dfc9377bcd89&quot;}}" title="Form.Cigna_Confidentiality.EvernorthConfidentiality">
            <a:extLst>
              <a:ext uri="{FF2B5EF4-FFF2-40B4-BE49-F238E27FC236}">
                <a16:creationId xmlns:a16="http://schemas.microsoft.com/office/drawing/2014/main" id="{91DFF22F-C1FE-6648-344E-50EBE2159A3E}"/>
              </a:ext>
            </a:extLst>
          </p:cNvPr>
          <p:cNvSpPr/>
          <p:nvPr userDrawn="1"/>
        </p:nvSpPr>
        <p:spPr>
          <a:xfrm>
            <a:off x="5739319" y="5066753"/>
            <a:ext cx="4614282" cy="1481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7" name="Internal Stamp dynamic" descr="{&quot;templafy&quot;:{&quot;id&quot;:&quot;b764ca5e-666c-45fa-80b4-e4803a20da52&quot;}}" title="Form.Cigna_Confidentiality.Cigna_confidentiality">
            <a:extLst>
              <a:ext uri="{FF2B5EF4-FFF2-40B4-BE49-F238E27FC236}">
                <a16:creationId xmlns:a16="http://schemas.microsoft.com/office/drawing/2014/main" id="{BFD41DC4-E868-1057-5C0D-E0FF70DA49D4}"/>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pic>
        <p:nvPicPr>
          <p:cNvPr id="671663461" name="Dynamic logo hypermint" descr="{&quot;templafy&quot;:{&quot;id&quot;:&quot;69d757c6-5e4d-45d1-b67c-60d660026e8f&quot;}}"/>
          <p:cNvPicPr>
            <a:picLocks noChangeAspect="1"/>
          </p:cNvPicPr>
          <p:nvPr/>
        </p:nvPicPr>
        <p:blipFill>
          <a:blip r:embed="rId4"/>
          <a:stretch>
            <a:fillRect/>
          </a:stretch>
        </p:blipFill>
        <p:spPr>
          <a:xfrm>
            <a:off x="346677" y="5882400"/>
            <a:ext cx="2145600" cy="756000"/>
          </a:xfrm>
          <a:prstGeom prst="rect">
            <a:avLst/>
          </a:prstGeom>
        </p:spPr>
      </p:pic>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4" name="Date Placeholder 5">
            <a:extLst>
              <a:ext uri="{FF2B5EF4-FFF2-40B4-BE49-F238E27FC236}">
                <a16:creationId xmlns:a16="http://schemas.microsoft.com/office/drawing/2014/main" id="{419C077D-CEDB-E235-EA5F-F9C18FDF239E}"/>
              </a:ext>
            </a:extLst>
          </p:cNvPr>
          <p:cNvSpPr>
            <a:spLocks noGrp="1"/>
          </p:cNvSpPr>
          <p:nvPr>
            <p:ph type="dt" sz="half" idx="17"/>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89688336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D. End">
    <p:bg bwMode="ltGray">
      <p:bgPr>
        <a:solidFill>
          <a:schemeClr val="accent6"/>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Title 1"/>
          <p:cNvSpPr>
            <a:spLocks noGrp="1"/>
          </p:cNvSpPr>
          <p:nvPr>
            <p:ph type="ctrTitle" hasCustomPrompt="1"/>
          </p:nvPr>
        </p:nvSpPr>
        <p:spPr bwMode="white">
          <a:xfrm>
            <a:off x="3898200" y="2930400"/>
            <a:ext cx="4395600" cy="900000"/>
          </a:xfrm>
          <a:noFill/>
        </p:spPr>
        <p:txBody>
          <a:bodyPr anchor="ctr" anchorCtr="0"/>
          <a:lstStyle>
            <a:lvl1pPr algn="ctr">
              <a:lnSpc>
                <a:spcPct val="95000"/>
              </a:lnSpc>
              <a:defRPr sz="5000" b="0">
                <a:solidFill>
                  <a:schemeClr val="accent3"/>
                </a:solidFill>
              </a:defRPr>
            </a:lvl1pPr>
          </a:lstStyle>
          <a:p>
            <a:r>
              <a:rPr lang="en-US" dirty="0"/>
              <a:t>Add Thank you</a:t>
            </a:r>
            <a:endParaRPr lang="en-US"/>
          </a:p>
        </p:txBody>
      </p:sp>
      <p:pic>
        <p:nvPicPr>
          <p:cNvPr id="623836019" name="Dynamic logo dark mint" descr="{&quot;templafy&quot;:{&quot;id&quot;:&quot;6a158d8d-71dc-4309-9a1e-bd4dbdc8dffc&quot;}}"/>
          <p:cNvPicPr>
            <a:picLocks noChangeAspect="1"/>
          </p:cNvPicPr>
          <p:nvPr/>
        </p:nvPicPr>
        <p:blipFill>
          <a:blip r:embed="rId2"/>
          <a:stretch>
            <a:fillRect/>
          </a:stretch>
        </p:blipFill>
        <p:spPr>
          <a:xfrm>
            <a:off x="346677" y="5882400"/>
            <a:ext cx="2145600" cy="756000"/>
          </a:xfrm>
          <a:prstGeom prst="rect">
            <a:avLst/>
          </a:prstGeom>
        </p:spPr>
      </p:pic>
      <p:sp>
        <p:nvSpPr>
          <p:cNvPr id="8" name="Legal dynamic" descr="{&quot;templafy&quot;:{&quot;id&quot;:&quot;7d80d22b-a76d-48e4-9993-711e537d038c&quot;}}" title="Form.Cigna_Confidentiality.EvernorthConfidentiality">
            <a:extLst>
              <a:ext uri="{FF2B5EF4-FFF2-40B4-BE49-F238E27FC236}">
                <a16:creationId xmlns:a16="http://schemas.microsoft.com/office/drawing/2014/main" id="{78AD5F7B-3CAE-F9ED-8BE6-7441393ADD55}"/>
              </a:ext>
            </a:extLst>
          </p:cNvPr>
          <p:cNvSpPr/>
          <p:nvPr userDrawn="1"/>
        </p:nvSpPr>
        <p:spPr>
          <a:xfrm>
            <a:off x="5743574" y="5066753"/>
            <a:ext cx="4610027" cy="1481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9" name="Internal Stamp dynamic" descr="{&quot;templafy&quot;:{&quot;id&quot;:&quot;5ed1c543-f4a0-4b7c-8bd9-82dc71b9d182&quot;}}" title="Form.Cigna_Confidentiality.Cigna_confidentiality">
            <a:extLst>
              <a:ext uri="{FF2B5EF4-FFF2-40B4-BE49-F238E27FC236}">
                <a16:creationId xmlns:a16="http://schemas.microsoft.com/office/drawing/2014/main" id="{462870AB-B5F7-BEC2-AF95-80ACC467C177}"/>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accent3"/>
                </a:solidFill>
              </a:defRPr>
            </a:lvl1pPr>
          </a:lstStyle>
          <a:p>
            <a:fld id="{23AA811B-2EBD-4900-905E-5BE206449611}" type="slidenum">
              <a:rPr lang="en-US" smtClean="0"/>
              <a:pPr/>
              <a:t>‹#›</a:t>
            </a:fld>
            <a:endParaRPr lang="en-US" dirty="0"/>
          </a:p>
        </p:txBody>
      </p:sp>
      <p:pic>
        <p:nvPicPr>
          <p:cNvPr id="4" name="Graphic 3">
            <a:extLst>
              <a:ext uri="{FF2B5EF4-FFF2-40B4-BE49-F238E27FC236}">
                <a16:creationId xmlns:a16="http://schemas.microsoft.com/office/drawing/2014/main" id="{70ACB2F9-8A56-CA3F-4216-ED04C64A162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 xmlns:asvg="http://schemas.microsoft.com/office/drawing/2016/SVG/main" r:embed="rId4"/>
              </a:ext>
            </a:extLst>
          </a:blip>
          <a:stretch>
            <a:fillRect/>
          </a:stretch>
        </p:blipFill>
        <p:spPr>
          <a:xfrm>
            <a:off x="0" y="0"/>
            <a:ext cx="12192000" cy="6858000"/>
          </a:xfrm>
          <a:prstGeom prst="rect">
            <a:avLst/>
          </a:prstGeom>
        </p:spPr>
      </p:pic>
      <p:sp>
        <p:nvSpPr>
          <p:cNvPr id="7" name="Date Placeholder 6">
            <a:extLst>
              <a:ext uri="{FF2B5EF4-FFF2-40B4-BE49-F238E27FC236}">
                <a16:creationId xmlns:a16="http://schemas.microsoft.com/office/drawing/2014/main" id="{C590F63D-0AB3-E3B4-2FF6-B23FE45E503D}"/>
              </a:ext>
            </a:extLst>
          </p:cNvPr>
          <p:cNvSpPr>
            <a:spLocks noGrp="1"/>
          </p:cNvSpPr>
          <p:nvPr>
            <p:ph type="dt" sz="half" idx="17"/>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52566742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BBDDBD-B07A-2620-36E1-61E4A0AEF1DD}"/>
              </a:ext>
            </a:extLst>
          </p:cNvPr>
          <p:cNvSpPr>
            <a:spLocks noGrp="1"/>
          </p:cNvSpPr>
          <p:nvPr>
            <p:ph type="title" hasCustomPrompt="1"/>
          </p:nvPr>
        </p:nvSpPr>
        <p:spPr/>
        <p:txBody>
          <a:bodyPr/>
          <a:lstStyle/>
          <a:p>
            <a:r>
              <a:rPr lang="en-US" noProof="0" dirty="0"/>
              <a:t>Click to add title</a:t>
            </a:r>
            <a:endParaRPr lang="en-US" dirty="0"/>
          </a:p>
        </p:txBody>
      </p:sp>
      <p:sp>
        <p:nvSpPr>
          <p:cNvPr id="4" name="Slide Number Placeholder 3">
            <a:extLst>
              <a:ext uri="{FF2B5EF4-FFF2-40B4-BE49-F238E27FC236}">
                <a16:creationId xmlns:a16="http://schemas.microsoft.com/office/drawing/2014/main" id="{1C56A7DB-55EC-4ABA-995E-568DC946C507}"/>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3" name="Date Placeholder 2">
            <a:extLst>
              <a:ext uri="{FF2B5EF4-FFF2-40B4-BE49-F238E27FC236}">
                <a16:creationId xmlns:a16="http://schemas.microsoft.com/office/drawing/2014/main" id="{103AC836-63B4-FF0E-E542-8F24674EF178}"/>
              </a:ext>
            </a:extLst>
          </p:cNvPr>
          <p:cNvSpPr>
            <a:spLocks noGrp="1"/>
          </p:cNvSpPr>
          <p:nvPr>
            <p:ph type="dt" sz="half" idx="12"/>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739138343"/>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A. Blank">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F52019DB-1E8C-EFB6-3D42-FF19B507F3D1}"/>
              </a:ext>
            </a:extLst>
          </p:cNvPr>
          <p:cNvSpPr>
            <a:spLocks noGrp="1" noRot="1" noMove="1" noResize="1" noEditPoints="1" noAdjustHandles="1" noChangeArrowheads="1" noChangeShapeType="1"/>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Legal dynamic" descr="{&quot;templafy&quot;:{&quot;id&quot;:&quot;b4b53aa4-aae5-4daa-8743-ef188e9e6ab7&quot;}}" title="Form.Cigna_Confidentiality.EvernorthConfidentiality">
            <a:extLst>
              <a:ext uri="{FF2B5EF4-FFF2-40B4-BE49-F238E27FC236}">
                <a16:creationId xmlns:a16="http://schemas.microsoft.com/office/drawing/2014/main" id="{6431C85B-4A42-ECBE-5FC4-39B9719CA2CE}"/>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7" name="Internal Stamp dynamic" descr="{&quot;templafy&quot;:{&quot;id&quot;:&quot;2e485a6e-e20a-4f69-b1db-86987a3469e4&quot;}}" title="Form.Cigna_Confidentiality.Cigna_confidentiality">
            <a:extLst>
              <a:ext uri="{FF2B5EF4-FFF2-40B4-BE49-F238E27FC236}">
                <a16:creationId xmlns:a16="http://schemas.microsoft.com/office/drawing/2014/main" id="{A541D4FE-AEAF-74DF-BC0E-47D4D2C190AF}"/>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sp>
        <p:nvSpPr>
          <p:cNvPr id="14" name="Slide Number Placeholder 13">
            <a:extLst>
              <a:ext uri="{FF2B5EF4-FFF2-40B4-BE49-F238E27FC236}">
                <a16:creationId xmlns:a16="http://schemas.microsoft.com/office/drawing/2014/main" id="{970C8A1F-6FD5-D539-712A-8F23F646E477}"/>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3" name="Date Placeholder 2">
            <a:extLst>
              <a:ext uri="{FF2B5EF4-FFF2-40B4-BE49-F238E27FC236}">
                <a16:creationId xmlns:a16="http://schemas.microsoft.com/office/drawing/2014/main" id="{8E2FD771-F12D-346D-DE79-A182031F6781}"/>
              </a:ext>
            </a:extLst>
          </p:cNvPr>
          <p:cNvSpPr>
            <a:spLocks noGrp="1"/>
          </p:cNvSpPr>
          <p:nvPr>
            <p:ph type="dt" sz="half" idx="12"/>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B. Blank">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35C6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Legal dynamic" descr="{&quot;templafy&quot;:{&quot;id&quot;:&quot;138b9294-d2da-4d95-9016-ba5c6748e385&quot;}}" title="Form.Cigna_Confidentiality.EvernorthConfidentiality">
            <a:extLst>
              <a:ext uri="{FF2B5EF4-FFF2-40B4-BE49-F238E27FC236}">
                <a16:creationId xmlns:a16="http://schemas.microsoft.com/office/drawing/2014/main" id="{64F1B370-1C1D-7834-E816-101409DF91A4}"/>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3" name="Internal Stamp dynamic" descr="{&quot;templafy&quot;:{&quot;id&quot;:&quot;6f970146-ae64-4db2-8718-f2c562842965&quot;}}" title="Form.Cigna_Confidentiality.Cigna_confidentiality">
            <a:extLst>
              <a:ext uri="{FF2B5EF4-FFF2-40B4-BE49-F238E27FC236}">
                <a16:creationId xmlns:a16="http://schemas.microsoft.com/office/drawing/2014/main" id="{D14BFB4E-09FF-82D9-3F91-E448C5777535}"/>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sp>
        <p:nvSpPr>
          <p:cNvPr id="11" name="Slide Number Placeholder 10">
            <a:extLst>
              <a:ext uri="{FF2B5EF4-FFF2-40B4-BE49-F238E27FC236}">
                <a16:creationId xmlns:a16="http://schemas.microsoft.com/office/drawing/2014/main" id="{B4AED688-8F27-02D7-CAE6-1429C8761AF1}"/>
              </a:ext>
            </a:extLst>
          </p:cNvPr>
          <p:cNvSpPr>
            <a:spLocks noGrp="1"/>
          </p:cNvSpPr>
          <p:nvPr>
            <p:ph type="sldNum" sz="quarter" idx="11"/>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4" name="Date Placeholder 2">
            <a:extLst>
              <a:ext uri="{FF2B5EF4-FFF2-40B4-BE49-F238E27FC236}">
                <a16:creationId xmlns:a16="http://schemas.microsoft.com/office/drawing/2014/main" id="{1C4B3A88-4276-4536-FE75-6C29B89DC43F}"/>
              </a:ext>
            </a:extLst>
          </p:cNvPr>
          <p:cNvSpPr>
            <a:spLocks noGrp="1"/>
          </p:cNvSpPr>
          <p:nvPr>
            <p:ph type="dt" sz="half" idx="12"/>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66857657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C. Blank">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08F8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Legal dynamic" descr="{&quot;templafy&quot;:{&quot;id&quot;:&quot;717cceaf-b027-4653-a7f9-eb5ebd359705&quot;}}" title="Form.Cigna_Confidentiality.EvernorthConfidentiality">
            <a:extLst>
              <a:ext uri="{FF2B5EF4-FFF2-40B4-BE49-F238E27FC236}">
                <a16:creationId xmlns:a16="http://schemas.microsoft.com/office/drawing/2014/main" id="{C06626AA-E4D6-5FDF-EB11-0013A3DB9024}"/>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3" name="Internal Stamp dynamic" descr="{&quot;templafy&quot;:{&quot;id&quot;:&quot;d206851e-95d3-4330-81eb-a659e51e4274&quot;}}" title="Form.Cigna_Confidentiality.Cigna_confidentiality">
            <a:extLst>
              <a:ext uri="{FF2B5EF4-FFF2-40B4-BE49-F238E27FC236}">
                <a16:creationId xmlns:a16="http://schemas.microsoft.com/office/drawing/2014/main" id="{7E4A112F-BAED-5AD7-3B6E-0F91FBB6A4D7}"/>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4" name="Date Placeholder 2">
            <a:extLst>
              <a:ext uri="{FF2B5EF4-FFF2-40B4-BE49-F238E27FC236}">
                <a16:creationId xmlns:a16="http://schemas.microsoft.com/office/drawing/2014/main" id="{A124312C-8EA6-0108-54C7-08E13BCCB0D8}"/>
              </a:ext>
            </a:extLst>
          </p:cNvPr>
          <p:cNvSpPr>
            <a:spLocks noGrp="1"/>
          </p:cNvSpPr>
          <p:nvPr>
            <p:ph type="dt" sz="half" idx="12"/>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377227179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D. Blank">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rgbClr val="002F3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2" name="Legal dynamic" descr="{&quot;templafy&quot;:{&quot;id&quot;:&quot;9734b64b-bc81-4982-aca5-92c68588d60c&quot;}}" title="Form.Cigna_Confidentiality.EvernorthConfidentiality">
            <a:extLst>
              <a:ext uri="{FF2B5EF4-FFF2-40B4-BE49-F238E27FC236}">
                <a16:creationId xmlns:a16="http://schemas.microsoft.com/office/drawing/2014/main" id="{54BC2A34-4216-AF62-7DB9-7858E091BEA4}"/>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chemeClr val="tx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3" name="Internal Stamp dynamic" descr="{&quot;templafy&quot;:{&quot;id&quot;:&quot;cd031008-d2ae-4f3d-bfdb-6e7d3af6f8d1&quot;}}" title="Form.Cigna_Confidentiality.Cigna_confidentiality">
            <a:extLst>
              <a:ext uri="{FF2B5EF4-FFF2-40B4-BE49-F238E27FC236}">
                <a16:creationId xmlns:a16="http://schemas.microsoft.com/office/drawing/2014/main" id="{C5F2B537-E38D-68A0-D83D-5AC70C0773A6}"/>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chemeClr val="tx2"/>
              </a:solidFill>
              <a:effectLst/>
              <a:latin typeface="Arial Narrow" panose="020B0604020202020204" pitchFamily="34" charset="0"/>
              <a:ea typeface="+mn-ea"/>
              <a:cs typeface="+mn-cs"/>
            </a:endParaRPr>
          </a:p>
        </p:txBody>
      </p:sp>
      <p:sp>
        <p:nvSpPr>
          <p:cNvPr id="13" name="Slide Number Placeholder 12">
            <a:extLst>
              <a:ext uri="{FF2B5EF4-FFF2-40B4-BE49-F238E27FC236}">
                <a16:creationId xmlns:a16="http://schemas.microsoft.com/office/drawing/2014/main" id="{610B8742-C532-4276-A55B-E4E96C675DA4}"/>
              </a:ext>
            </a:extLst>
          </p:cNvPr>
          <p:cNvSpPr>
            <a:spLocks noGrp="1"/>
          </p:cNvSpPr>
          <p:nvPr>
            <p:ph type="sldNum" sz="quarter" idx="16"/>
          </p:nvPr>
        </p:nvSpPr>
        <p:spPr/>
        <p:txBody>
          <a:bodyPr/>
          <a:lstStyle>
            <a:lvl1pPr>
              <a:defRPr>
                <a:solidFill>
                  <a:schemeClr val="tx2"/>
                </a:solidFill>
              </a:defRPr>
            </a:lvl1pPr>
          </a:lstStyle>
          <a:p>
            <a:fld id="{23AA811B-2EBD-4900-905E-5BE206449611}" type="slidenum">
              <a:rPr lang="en-US" smtClean="0"/>
              <a:pPr/>
              <a:t>‹#›</a:t>
            </a:fld>
            <a:endParaRPr lang="en-US" dirty="0"/>
          </a:p>
        </p:txBody>
      </p:sp>
      <p:sp>
        <p:nvSpPr>
          <p:cNvPr id="4" name="Date Placeholder 2">
            <a:extLst>
              <a:ext uri="{FF2B5EF4-FFF2-40B4-BE49-F238E27FC236}">
                <a16:creationId xmlns:a16="http://schemas.microsoft.com/office/drawing/2014/main" id="{1B6BA69B-6BAD-3F5F-A1D8-89DC1111DA66}"/>
              </a:ext>
            </a:extLst>
          </p:cNvPr>
          <p:cNvSpPr>
            <a:spLocks noGrp="1"/>
          </p:cNvSpPr>
          <p:nvPr>
            <p:ph type="dt" sz="half" idx="12"/>
          </p:nvPr>
        </p:nvSpPr>
        <p:spPr>
          <a:xfrm>
            <a:off x="10630800" y="6364800"/>
            <a:ext cx="691200" cy="180000"/>
          </a:xfrm>
        </p:spPr>
        <p:txBody>
          <a:bodyPr/>
          <a:lstStyle>
            <a:lvl1pPr>
              <a:defRPr>
                <a:solidFill>
                  <a:schemeClr val="tx2"/>
                </a:solidFill>
              </a:defRPr>
            </a:lvl1pPr>
          </a:lstStyle>
          <a:p>
            <a:fld id="{B118041E-2DAD-480C-AEE4-E661A097CFE4}" type="datetime1">
              <a:rPr lang="en-US" smtClean="0"/>
              <a:pPr/>
              <a:t>7/26/2024</a:t>
            </a:fld>
            <a:endParaRPr lang="en-US" dirty="0"/>
          </a:p>
        </p:txBody>
      </p:sp>
    </p:spTree>
    <p:extLst>
      <p:ext uri="{BB962C8B-B14F-4D97-AF65-F5344CB8AC3E}">
        <p14:creationId xmlns:p14="http://schemas.microsoft.com/office/powerpoint/2010/main" val="201368734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E. Blank">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F52019DB-1E8C-EFB6-3D42-FF19B507F3D1}"/>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5" name="Legal dynamic" descr="{&quot;templafy&quot;:{&quot;id&quot;:&quot;ce916ac9-7028-46f2-b0a1-7c2d2d10432e&quot;}}" title="Form.Cigna_Confidentiality.EvernorthConfidentiality">
            <a:extLst>
              <a:ext uri="{FF2B5EF4-FFF2-40B4-BE49-F238E27FC236}">
                <a16:creationId xmlns:a16="http://schemas.microsoft.com/office/drawing/2014/main" id="{BAEDF20C-6EA9-EB52-4601-B521FC0AFA37}"/>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7" name="Internal Stamp dynamic" descr="{&quot;templafy&quot;:{&quot;id&quot;:&quot;798296e4-5d49-4a07-92f0-6ba3d14d3986&quot;}}" title="Form.Cigna_Confidentiality.Cigna_confidentiality">
            <a:extLst>
              <a:ext uri="{FF2B5EF4-FFF2-40B4-BE49-F238E27FC236}">
                <a16:creationId xmlns:a16="http://schemas.microsoft.com/office/drawing/2014/main" id="{34E0B8E7-6496-9BE5-8C21-A48194FBC053}"/>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sp>
        <p:nvSpPr>
          <p:cNvPr id="4" name="Slide Number Placeholder 3">
            <a:extLst>
              <a:ext uri="{FF2B5EF4-FFF2-40B4-BE49-F238E27FC236}">
                <a16:creationId xmlns:a16="http://schemas.microsoft.com/office/drawing/2014/main" id="{F09CF017-65A3-70EC-6870-87DC791EDF8F}"/>
              </a:ext>
            </a:extLst>
          </p:cNvPr>
          <p:cNvSpPr>
            <a:spLocks noGrp="1"/>
          </p:cNvSpPr>
          <p:nvPr>
            <p:ph type="sldNum" sz="quarter" idx="18"/>
          </p:nvPr>
        </p:nvSpPr>
        <p:spPr/>
        <p:txBody>
          <a:bodyPr/>
          <a:lstStyle/>
          <a:p>
            <a:fld id="{23AA811B-2EBD-4900-905E-5BE206449611}" type="slidenum">
              <a:rPr lang="en-US" smtClean="0"/>
              <a:pPr/>
              <a:t>‹#›</a:t>
            </a:fld>
            <a:endParaRPr lang="en-US" dirty="0"/>
          </a:p>
        </p:txBody>
      </p:sp>
      <p:sp>
        <p:nvSpPr>
          <p:cNvPr id="6" name="Date Placeholder 2">
            <a:extLst>
              <a:ext uri="{FF2B5EF4-FFF2-40B4-BE49-F238E27FC236}">
                <a16:creationId xmlns:a16="http://schemas.microsoft.com/office/drawing/2014/main" id="{FA24F608-D13D-3A02-2E2D-7481E02D3050}"/>
              </a:ext>
            </a:extLst>
          </p:cNvPr>
          <p:cNvSpPr>
            <a:spLocks noGrp="1"/>
          </p:cNvSpPr>
          <p:nvPr>
            <p:ph type="dt" sz="half" idx="12"/>
          </p:nvPr>
        </p:nvSpPr>
        <p:spPr>
          <a:xfrm>
            <a:off x="10630800" y="6364800"/>
            <a:ext cx="691200" cy="180000"/>
          </a:xfrm>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84576078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 Cover and Image">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a:spLocks noGrp="1" noRot="1" noMove="1" noResize="1" noEditPoints="1" noAdjustHandles="1" noChangeArrowheads="1" noChangeShapeType="1"/>
          </p:cNvSpPr>
          <p:nvPr userDrawn="1"/>
        </p:nvSpPr>
        <p:spPr bwMode="white">
          <a:xfrm>
            <a:off x="0" y="0"/>
            <a:ext cx="12193200" cy="58824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tx1"/>
              </a:solidFill>
            </a:endParaRPr>
          </a:p>
        </p:txBody>
      </p:sp>
      <p:sp>
        <p:nvSpPr>
          <p:cNvPr id="3" name="Picture Placeholder 6">
            <a:extLst>
              <a:ext uri="{FF2B5EF4-FFF2-40B4-BE49-F238E27FC236}">
                <a16:creationId xmlns:a16="http://schemas.microsoft.com/office/drawing/2014/main" id="{5F9461B2-F010-A81E-D90F-6D4C8065889A}"/>
              </a:ext>
            </a:extLst>
          </p:cNvPr>
          <p:cNvSpPr>
            <a:spLocks noGrp="1"/>
          </p:cNvSpPr>
          <p:nvPr>
            <p:ph type="pic" sz="quarter" idx="16"/>
          </p:nvPr>
        </p:nvSpPr>
        <p:spPr>
          <a:xfrm>
            <a:off x="5690403" y="2"/>
            <a:ext cx="6501219" cy="5882398"/>
          </a:xfrm>
          <a:custGeom>
            <a:avLst/>
            <a:gdLst>
              <a:gd name="connsiteX0" fmla="*/ 4452578 w 6501219"/>
              <a:gd name="connsiteY0" fmla="*/ 0 h 5882398"/>
              <a:gd name="connsiteX1" fmla="*/ 6501219 w 6501219"/>
              <a:gd name="connsiteY1" fmla="*/ 0 h 5882398"/>
              <a:gd name="connsiteX2" fmla="*/ 6501219 w 6501219"/>
              <a:gd name="connsiteY2" fmla="*/ 5882398 h 5882398"/>
              <a:gd name="connsiteX3" fmla="*/ 0 w 6501219"/>
              <a:gd name="connsiteY3" fmla="*/ 5882398 h 5882398"/>
              <a:gd name="connsiteX4" fmla="*/ 0 w 6501219"/>
              <a:gd name="connsiteY4" fmla="*/ 4449965 h 5882398"/>
              <a:gd name="connsiteX5" fmla="*/ 3693 w 6501219"/>
              <a:gd name="connsiteY5" fmla="*/ 4376844 h 5882398"/>
              <a:gd name="connsiteX6" fmla="*/ 742025 w 6501219"/>
              <a:gd name="connsiteY6" fmla="*/ 3710572 h 5882398"/>
              <a:gd name="connsiteX7" fmla="*/ 3153904 w 6501219"/>
              <a:gd name="connsiteY7" fmla="*/ 3710572 h 5882398"/>
              <a:gd name="connsiteX8" fmla="*/ 3710432 w 6501219"/>
              <a:gd name="connsiteY8" fmla="*/ 3154043 h 5882398"/>
              <a:gd name="connsiteX9" fmla="*/ 3710432 w 6501219"/>
              <a:gd name="connsiteY9" fmla="*/ 742164 h 5882398"/>
              <a:gd name="connsiteX10" fmla="*/ 4376726 w 6501219"/>
              <a:gd name="connsiteY10" fmla="*/ 3830 h 5882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01219" h="5882398">
                <a:moveTo>
                  <a:pt x="4452578" y="0"/>
                </a:moveTo>
                <a:lnTo>
                  <a:pt x="6501219" y="0"/>
                </a:lnTo>
                <a:lnTo>
                  <a:pt x="6501219" y="5882398"/>
                </a:lnTo>
                <a:lnTo>
                  <a:pt x="0" y="5882398"/>
                </a:lnTo>
                <a:lnTo>
                  <a:pt x="0" y="4449965"/>
                </a:lnTo>
                <a:lnTo>
                  <a:pt x="3693" y="4376844"/>
                </a:lnTo>
                <a:cubicBezTo>
                  <a:pt x="41705" y="4002555"/>
                  <a:pt x="357813" y="3710572"/>
                  <a:pt x="742025" y="3710572"/>
                </a:cubicBezTo>
                <a:lnTo>
                  <a:pt x="3153904" y="3710572"/>
                </a:lnTo>
                <a:cubicBezTo>
                  <a:pt x="3461178" y="3710572"/>
                  <a:pt x="3710432" y="3461444"/>
                  <a:pt x="3710432" y="3154043"/>
                </a:cubicBezTo>
                <a:lnTo>
                  <a:pt x="3710432" y="742164"/>
                </a:lnTo>
                <a:cubicBezTo>
                  <a:pt x="3710432" y="357833"/>
                  <a:pt x="4002528" y="41829"/>
                  <a:pt x="4376726" y="3830"/>
                </a:cubicBezTo>
                <a:close/>
              </a:path>
            </a:pathLst>
          </a:custGeom>
          <a:solidFill>
            <a:schemeClr val="bg1">
              <a:lumMod val="85000"/>
            </a:schemeClr>
          </a:solidFill>
        </p:spPr>
        <p:txBody>
          <a:bodyPr wrap="square" lIns="3060000" anchor="ctr" anchorCtr="0">
            <a:noAutofit/>
          </a:bodyPr>
          <a:lstStyle>
            <a:lvl1pPr marL="0" indent="0" algn="ctr">
              <a:buNone/>
              <a:defRPr>
                <a:solidFill>
                  <a:schemeClr val="tx1"/>
                </a:solidFill>
              </a:defRPr>
            </a:lvl1pPr>
          </a:lstStyle>
          <a:p>
            <a:r>
              <a:rPr lang="en-US"/>
              <a:t>Click icon to add picture</a:t>
            </a:r>
          </a:p>
        </p:txBody>
      </p:sp>
      <p:sp>
        <p:nvSpPr>
          <p:cNvPr id="2" name="Title 1"/>
          <p:cNvSpPr>
            <a:spLocks noGrp="1"/>
          </p:cNvSpPr>
          <p:nvPr>
            <p:ph type="ctrTitle" hasCustomPrompt="1"/>
          </p:nvPr>
        </p:nvSpPr>
        <p:spPr>
          <a:xfrm>
            <a:off x="360000" y="1454400"/>
            <a:ext cx="4856400" cy="1820862"/>
          </a:xfrm>
          <a:noFill/>
        </p:spPr>
        <p:txBody>
          <a:bodyPr anchor="b" anchorCtr="0"/>
          <a:lstStyle>
            <a:lvl1pPr algn="l">
              <a:lnSpc>
                <a:spcPct val="85000"/>
              </a:lnSpc>
              <a:defRPr sz="6000" b="0">
                <a:solidFill>
                  <a:srgbClr val="035C67"/>
                </a:solidFill>
              </a:defRPr>
            </a:lvl1pPr>
          </a:lstStyle>
          <a:p>
            <a:r>
              <a:rPr lang="en-US" dirty="0"/>
              <a:t>Click to add title</a:t>
            </a:r>
            <a:endParaRPr lang="en-US"/>
          </a:p>
        </p:txBody>
      </p:sp>
      <p:sp>
        <p:nvSpPr>
          <p:cNvPr id="11" name="Text Placeholder 4">
            <a:extLst>
              <a:ext uri="{FF2B5EF4-FFF2-40B4-BE49-F238E27FC236}">
                <a16:creationId xmlns:a16="http://schemas.microsoft.com/office/drawing/2014/main" id="{C70809C9-BA48-4A28-B8CF-92FA8B271372}"/>
              </a:ext>
            </a:extLst>
          </p:cNvPr>
          <p:cNvSpPr>
            <a:spLocks noGrp="1"/>
          </p:cNvSpPr>
          <p:nvPr>
            <p:ph type="body" sz="quarter" idx="13" hasCustomPrompt="1"/>
          </p:nvPr>
        </p:nvSpPr>
        <p:spPr>
          <a:xfrm>
            <a:off x="360000" y="3654000"/>
            <a:ext cx="4856400" cy="2094338"/>
          </a:xfrm>
        </p:spPr>
        <p:txBody>
          <a:bodyPr/>
          <a:lstStyle>
            <a:lvl1pPr marL="0" indent="0">
              <a:lnSpc>
                <a:spcPct val="105000"/>
              </a:lnSpc>
              <a:buNone/>
              <a:defRPr sz="2200">
                <a:solidFill>
                  <a:srgbClr val="002F32"/>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Click to add subtitle</a:t>
            </a:r>
            <a:endParaRPr lang="en-US"/>
          </a:p>
        </p:txBody>
      </p:sp>
      <p:sp>
        <p:nvSpPr>
          <p:cNvPr id="9" name="Slide Number Placeholder 8">
            <a:extLst>
              <a:ext uri="{FF2B5EF4-FFF2-40B4-BE49-F238E27FC236}">
                <a16:creationId xmlns:a16="http://schemas.microsoft.com/office/drawing/2014/main" id="{24DB0E35-25B5-40AF-1E8E-5A5AD8271CF7}"/>
              </a:ext>
            </a:extLst>
          </p:cNvPr>
          <p:cNvSpPr>
            <a:spLocks noGrp="1"/>
          </p:cNvSpPr>
          <p:nvPr>
            <p:ph type="sldNum" sz="quarter" idx="15"/>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C1DC1721-C3E1-DCC7-2BB6-EDE22C80929A}"/>
              </a:ext>
            </a:extLst>
          </p:cNvPr>
          <p:cNvSpPr>
            <a:spLocks noGrp="1"/>
          </p:cNvSpPr>
          <p:nvPr>
            <p:ph type="dt" sz="half" idx="17"/>
          </p:nvPr>
        </p:nvSpPr>
        <p:spPr/>
        <p:txBody>
          <a:body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418440907"/>
      </p:ext>
    </p:extLst>
  </p:cSld>
  <p:clrMapOvr>
    <a:masterClrMapping/>
  </p:clrMapOvr>
  <p:extLst>
    <p:ext uri="{DCECCB84-F9BA-43D5-87BE-67443E8EF086}">
      <p15:sldGuideLst xmlns:p15="http://schemas.microsoft.com/office/powerpoint/2012/main">
        <p15:guide id="1" orient="horz" pos="2300" userDrawn="1">
          <p15:clr>
            <a:srgbClr val="F26B43"/>
          </p15:clr>
        </p15:guide>
        <p15:guide id="2" orient="horz" pos="2064" userDrawn="1">
          <p15:clr>
            <a:srgbClr val="F26B43"/>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65" name="Fast overskrift">
            <a:extLst>
              <a:ext uri="{FF2B5EF4-FFF2-40B4-BE49-F238E27FC236}">
                <a16:creationId xmlns:a16="http://schemas.microsoft.com/office/drawing/2014/main" id="{09C05D50-8477-4113-8B72-9C373B0FF9F9}"/>
              </a:ext>
            </a:extLst>
          </p:cNvPr>
          <p:cNvSpPr txBox="1">
            <a:spLocks noGrp="1" noRot="1" noMove="1" noResize="1" noEditPoints="1" noAdjustHandles="1" noChangeArrowheads="1" noChangeShapeType="1"/>
          </p:cNvSpPr>
          <p:nvPr userDrawn="1"/>
        </p:nvSpPr>
        <p:spPr>
          <a:xfrm>
            <a:off x="358775" y="358775"/>
            <a:ext cx="11109321" cy="650171"/>
          </a:xfrm>
          <a:prstGeom prst="rect">
            <a:avLst/>
          </a:prstGeom>
          <a:noFill/>
        </p:spPr>
        <p:txBody>
          <a:bodyPr wrap="square" lIns="0" tIns="0" rIns="0" bIns="0" rtlCol="0" anchor="t" anchorCtr="0">
            <a:noAutofit/>
          </a:bodyPr>
          <a:lstStyle/>
          <a:p>
            <a:r>
              <a:rPr lang="en-US" sz="2800" b="1" noProof="1">
                <a:solidFill>
                  <a:schemeClr val="accent3"/>
                </a:solidFill>
                <a:latin typeface="+mj-lt"/>
                <a:cs typeface="Arial" panose="020B0604020202020204" pitchFamily="34" charset="0"/>
              </a:rPr>
              <a:t>User Guide</a:t>
            </a:r>
            <a:endParaRPr lang="en-US" sz="1600" b="1" dirty="0">
              <a:solidFill>
                <a:schemeClr val="accent3"/>
              </a:solidFill>
            </a:endParaRPr>
          </a:p>
        </p:txBody>
      </p:sp>
      <p:sp>
        <p:nvSpPr>
          <p:cNvPr id="2" name="Text Box 3">
            <a:extLst>
              <a:ext uri="{FF2B5EF4-FFF2-40B4-BE49-F238E27FC236}">
                <a16:creationId xmlns:a16="http://schemas.microsoft.com/office/drawing/2014/main" id="{868E0E0B-277E-AD33-81A6-6FD87897E870}"/>
              </a:ext>
            </a:extLst>
          </p:cNvPr>
          <p:cNvSpPr txBox="1">
            <a:spLocks noChangeArrowheads="1"/>
          </p:cNvSpPr>
          <p:nvPr userDrawn="1"/>
        </p:nvSpPr>
        <p:spPr bwMode="auto">
          <a:xfrm>
            <a:off x="4255684" y="1095538"/>
            <a:ext cx="2716548" cy="27238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solidFill>
                  <a:schemeClr val="accent4"/>
                </a:solidFill>
                <a:latin typeface="+mn-lt"/>
                <a:cs typeface="Arial" panose="020B0604020202020204" pitchFamily="34" charset="0"/>
              </a:rPr>
              <a:t>PICTURES</a:t>
            </a:r>
            <a:br>
              <a:rPr lang="en-US" sz="1600" dirty="0">
                <a:solidFill>
                  <a:schemeClr val="accent4"/>
                </a:solidFill>
                <a:latin typeface="+mn-lt"/>
                <a:cs typeface="Arial" panose="020B0604020202020204" pitchFamily="34" charset="0"/>
              </a:rPr>
            </a:br>
            <a:r>
              <a:rPr lang="en-US" sz="900" dirty="0">
                <a:solidFill>
                  <a:schemeClr val="accent4"/>
                </a:solidFill>
                <a:latin typeface="+mn-lt"/>
                <a:cs typeface="Arial" panose="020B0604020202020204" pitchFamily="34" charset="0"/>
              </a:rPr>
              <a:t/>
            </a:r>
            <a:br>
              <a:rPr lang="en-US" sz="900" dirty="0">
                <a:solidFill>
                  <a:schemeClr val="accent4"/>
                </a:solidFill>
                <a:latin typeface="+mn-lt"/>
                <a:cs typeface="Arial" panose="020B0604020202020204" pitchFamily="34" charset="0"/>
              </a:rPr>
            </a:br>
            <a:r>
              <a:rPr lang="en-US" altLang="da-DK" sz="900" b="1" baseline="0" noProof="1">
                <a:solidFill>
                  <a:schemeClr val="accent4"/>
                </a:solidFill>
                <a:latin typeface="+mn-lt"/>
                <a:cs typeface="Arial" panose="020B0604020202020204" pitchFamily="34" charset="0"/>
              </a:rPr>
              <a:t>ADD PICTURE</a:t>
            </a:r>
            <a:endParaRPr lang="en-US" dirty="0">
              <a:solidFill>
                <a:schemeClr val="accent4"/>
              </a:solidFill>
            </a:endParaRPr>
          </a:p>
          <a:p>
            <a:pPr eaLnBrk="1" hangingPunct="1">
              <a:spcAft>
                <a:spcPts val="600"/>
              </a:spcAft>
              <a:defRPr/>
            </a:pPr>
            <a:r>
              <a:rPr lang="en-US" altLang="da-DK" sz="900" b="0" noProof="1">
                <a:solidFill>
                  <a:schemeClr val="accent4"/>
                </a:solidFill>
                <a:latin typeface="+mn-lt"/>
                <a:cs typeface="Arial" panose="020B0604020202020204" pitchFamily="34" charset="0"/>
              </a:rPr>
              <a:t>On slides with pictureplaceholder, click on the icon and choose </a:t>
            </a:r>
            <a:r>
              <a:rPr lang="en-US" altLang="da-DK" sz="900" b="1" noProof="1">
                <a:solidFill>
                  <a:schemeClr val="accent4"/>
                </a:solidFill>
                <a:latin typeface="+mn-lt"/>
                <a:cs typeface="Arial" panose="020B0604020202020204" pitchFamily="34" charset="0"/>
              </a:rPr>
              <a:t>Insert</a:t>
            </a:r>
            <a:endParaRPr lang="en-US" dirty="0">
              <a:solidFill>
                <a:schemeClr val="accent4"/>
              </a:solidFill>
            </a:endParaRPr>
          </a:p>
          <a:p>
            <a:pPr eaLnBrk="1" hangingPunct="1">
              <a:spcBef>
                <a:spcPts val="1200"/>
              </a:spcBef>
              <a:spcAft>
                <a:spcPts val="600"/>
              </a:spcAft>
              <a:defRPr/>
            </a:pPr>
            <a:r>
              <a:rPr lang="en-US" sz="900" b="1" noProof="1">
                <a:solidFill>
                  <a:schemeClr val="accent4"/>
                </a:solidFill>
                <a:latin typeface="+mn-lt"/>
                <a:cs typeface="Arial" panose="020B0604020202020204" pitchFamily="34" charset="0"/>
              </a:rPr>
              <a:t>Crop picture</a:t>
            </a:r>
            <a:endParaRPr lang="en-US" dirty="0">
              <a:solidFill>
                <a:schemeClr val="accent4"/>
              </a:solidFill>
            </a:endParaRPr>
          </a:p>
          <a:p>
            <a:pPr eaLnBrk="1" hangingPunct="1">
              <a:spcAft>
                <a:spcPts val="600"/>
              </a:spcAft>
              <a:defRPr/>
            </a:pPr>
            <a:r>
              <a:rPr lang="en-US" altLang="da-DK" sz="900" b="1" noProof="1">
                <a:solidFill>
                  <a:schemeClr val="accent4"/>
                </a:solidFill>
                <a:latin typeface="+mn-lt"/>
                <a:cs typeface="Arial" panose="020B0604020202020204" pitchFamily="34" charset="0"/>
              </a:rPr>
              <a:t>1. </a:t>
            </a:r>
            <a:r>
              <a:rPr lang="en-US" altLang="da-DK" sz="900" b="0" noProof="1">
                <a:solidFill>
                  <a:schemeClr val="accent4"/>
                </a:solidFill>
                <a:latin typeface="+mn-lt"/>
                <a:cs typeface="Arial" panose="020B0604020202020204" pitchFamily="34" charset="0"/>
              </a:rPr>
              <a:t>Click </a:t>
            </a:r>
            <a:r>
              <a:rPr lang="en-US" altLang="da-DK" sz="900" b="1" noProof="1">
                <a:solidFill>
                  <a:schemeClr val="accent4"/>
                </a:solidFill>
                <a:latin typeface="+mn-lt"/>
                <a:cs typeface="Arial" panose="020B0604020202020204" pitchFamily="34" charset="0"/>
              </a:rPr>
              <a:t>Crop</a:t>
            </a:r>
            <a:r>
              <a:rPr lang="en-US" altLang="da-DK" sz="900" b="0" noProof="1">
                <a:solidFill>
                  <a:schemeClr val="accent4"/>
                </a:solidFill>
                <a:latin typeface="+mn-lt"/>
                <a:cs typeface="Arial" panose="020B0604020202020204" pitchFamily="34" charset="0"/>
              </a:rPr>
              <a:t> to change size or focus of the picture</a:t>
            </a:r>
            <a:endParaRPr lang="en-US" dirty="0">
              <a:solidFill>
                <a:schemeClr val="accent4"/>
              </a:solidFill>
            </a:endParaRPr>
          </a:p>
          <a:p>
            <a:pPr eaLnBrk="1" hangingPunct="1">
              <a:spcAft>
                <a:spcPts val="600"/>
              </a:spcAft>
              <a:defRPr/>
            </a:pPr>
            <a:r>
              <a:rPr lang="en-US" altLang="da-DK" sz="900" b="1" noProof="1">
                <a:solidFill>
                  <a:schemeClr val="accent4"/>
                </a:solidFill>
                <a:latin typeface="+mn-lt"/>
                <a:cs typeface="Arial" panose="020B0604020202020204" pitchFamily="34" charset="0"/>
              </a:rPr>
              <a:t>2. </a:t>
            </a:r>
            <a:r>
              <a:rPr lang="en-US" altLang="da-DK" sz="900" b="0" noProof="1">
                <a:solidFill>
                  <a:schemeClr val="accent4"/>
                </a:solidFill>
                <a:latin typeface="+mn-lt"/>
                <a:cs typeface="Arial" panose="020B0604020202020204" pitchFamily="34" charset="0"/>
              </a:rPr>
              <a:t>If you want to scale the picture, hold </a:t>
            </a:r>
            <a:r>
              <a:rPr lang="en-US" altLang="da-DK" sz="900" b="1" noProof="1">
                <a:solidFill>
                  <a:schemeClr val="accent4"/>
                </a:solidFill>
                <a:latin typeface="+mn-lt"/>
                <a:cs typeface="Arial" panose="020B0604020202020204" pitchFamily="34" charset="0"/>
              </a:rPr>
              <a:t>SHIFT</a:t>
            </a:r>
            <a:r>
              <a:rPr lang="en-US" altLang="da-DK" sz="900" b="0" noProof="1">
                <a:solidFill>
                  <a:schemeClr val="accent4"/>
                </a:solidFill>
                <a:latin typeface="+mn-lt"/>
                <a:cs typeface="Arial" panose="020B0604020202020204" pitchFamily="34" charset="0"/>
              </a:rPr>
              <a:t>-key down while dragging the corners of the picture</a:t>
            </a:r>
            <a:br>
              <a:rPr lang="en-US" altLang="da-DK" sz="900" b="0" noProof="1">
                <a:solidFill>
                  <a:schemeClr val="accent4"/>
                </a:solidFill>
                <a:latin typeface="+mn-lt"/>
                <a:cs typeface="Arial" panose="020B0604020202020204" pitchFamily="34" charset="0"/>
              </a:rPr>
            </a:br>
            <a:endParaRPr lang="en-US" altLang="da-DK" sz="900" b="0" noProof="1">
              <a:solidFill>
                <a:schemeClr val="accent4"/>
              </a:solidFill>
              <a:latin typeface="+mn-lt"/>
              <a:cs typeface="Arial" panose="020B0604020202020204" pitchFamily="34" charset="0"/>
            </a:endParaRPr>
          </a:p>
          <a:p>
            <a:pPr eaLnBrk="1" hangingPunct="1">
              <a:spcAft>
                <a:spcPts val="600"/>
              </a:spcAft>
              <a:defRPr/>
            </a:pPr>
            <a:r>
              <a:rPr lang="en-US" altLang="da-DK" sz="900" b="1" noProof="1">
                <a:solidFill>
                  <a:schemeClr val="accent4"/>
                </a:solidFill>
                <a:latin typeface="+mn-lt"/>
                <a:cs typeface="Arial" panose="020B0604020202020204" pitchFamily="34" charset="0"/>
              </a:rPr>
              <a:t>HINT: </a:t>
            </a:r>
            <a:r>
              <a:rPr lang="en-US" altLang="da-DK" sz="900" b="0" noProof="1">
                <a:solidFill>
                  <a:schemeClr val="accent4"/>
                </a:solidFill>
                <a:latin typeface="+mn-lt"/>
                <a:cs typeface="Arial" panose="020B0604020202020204" pitchFamily="34" charset="0"/>
              </a:rPr>
              <a:t>If you delete the picture and insert a new one, the picture may lie in front of the text or graphic.</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If this happens, select the picture, right-click and choose </a:t>
            </a:r>
            <a:r>
              <a:rPr lang="en-US" altLang="da-DK" sz="900" b="1" noProof="1">
                <a:solidFill>
                  <a:schemeClr val="accent4"/>
                </a:solidFill>
                <a:latin typeface="+mn-lt"/>
                <a:cs typeface="Arial" panose="020B0604020202020204" pitchFamily="34" charset="0"/>
              </a:rPr>
              <a:t>Send to Back</a:t>
            </a:r>
            <a:endParaRPr lang="en-US"/>
          </a:p>
        </p:txBody>
      </p:sp>
      <p:sp>
        <p:nvSpPr>
          <p:cNvPr id="3" name="Text Box 2">
            <a:extLst>
              <a:ext uri="{FF2B5EF4-FFF2-40B4-BE49-F238E27FC236}">
                <a16:creationId xmlns:a16="http://schemas.microsoft.com/office/drawing/2014/main" id="{CDC03026-C383-EB3B-2000-9B69DFB4C189}"/>
              </a:ext>
            </a:extLst>
          </p:cNvPr>
          <p:cNvSpPr txBox="1">
            <a:spLocks noChangeArrowheads="1"/>
          </p:cNvSpPr>
          <p:nvPr userDrawn="1"/>
        </p:nvSpPr>
        <p:spPr bwMode="auto">
          <a:xfrm>
            <a:off x="360000" y="1095538"/>
            <a:ext cx="2280360" cy="241604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chemeClr val="accent4"/>
                </a:solidFill>
                <a:latin typeface="+mn-lt"/>
                <a:cs typeface="Arial" panose="020B0604020202020204" pitchFamily="34" charset="0"/>
              </a:rPr>
              <a:t>SLIDES &amp; LAYOUTS</a:t>
            </a:r>
            <a:r>
              <a:rPr lang="en-US" altLang="da-DK" sz="900" b="1" noProof="1">
                <a:solidFill>
                  <a:schemeClr val="accent4"/>
                </a:solidFill>
                <a:latin typeface="+mn-lt"/>
                <a:cs typeface="Arial" panose="020B0604020202020204" pitchFamily="34" charset="0"/>
              </a:rPr>
              <a:t/>
            </a:r>
            <a:br>
              <a:rPr lang="en-US" altLang="da-DK" sz="900" b="1" noProof="1">
                <a:solidFill>
                  <a:schemeClr val="accent4"/>
                </a:solidFill>
                <a:latin typeface="+mn-lt"/>
                <a:cs typeface="Arial" panose="020B0604020202020204" pitchFamily="34" charset="0"/>
              </a:rPr>
            </a:br>
            <a:r>
              <a:rPr lang="en-US" altLang="da-DK" sz="900" b="1" noProof="1">
                <a:solidFill>
                  <a:schemeClr val="accent4"/>
                </a:solidFill>
                <a:latin typeface="+mn-lt"/>
                <a:cs typeface="Arial" panose="020B0604020202020204" pitchFamily="34" charset="0"/>
              </a:rPr>
              <a:t/>
            </a:r>
            <a:br>
              <a:rPr lang="en-US" altLang="da-DK" sz="900" b="1"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Click on the menu </a:t>
            </a:r>
            <a:r>
              <a:rPr lang="en-US" altLang="da-DK" sz="900" b="1" noProof="1">
                <a:solidFill>
                  <a:schemeClr val="accent4"/>
                </a:solidFill>
                <a:latin typeface="+mn-lt"/>
                <a:cs typeface="Arial" panose="020B0604020202020204" pitchFamily="34" charset="0"/>
              </a:rPr>
              <a:t>New Slide </a:t>
            </a:r>
            <a:r>
              <a:rPr lang="en-US" altLang="da-DK" sz="900" b="0" noProof="1">
                <a:solidFill>
                  <a:schemeClr val="accent4"/>
                </a:solidFill>
                <a:latin typeface="+mn-lt"/>
                <a:cs typeface="Arial" panose="020B0604020202020204" pitchFamily="34" charset="0"/>
              </a:rPr>
              <a:t>in the </a:t>
            </a:r>
            <a:r>
              <a:rPr lang="en-US" altLang="da-DK" sz="900" b="1" noProof="1">
                <a:solidFill>
                  <a:schemeClr val="accent4"/>
                </a:solidFill>
                <a:latin typeface="+mn-lt"/>
                <a:cs typeface="Arial" panose="020B0604020202020204" pitchFamily="34" charset="0"/>
              </a:rPr>
              <a:t>Home</a:t>
            </a:r>
            <a:r>
              <a:rPr lang="en-US" altLang="da-DK" sz="900" b="0" noProof="1">
                <a:solidFill>
                  <a:schemeClr val="accent4"/>
                </a:solidFill>
                <a:latin typeface="+mn-lt"/>
                <a:cs typeface="Arial" panose="020B0604020202020204" pitchFamily="34" charset="0"/>
              </a:rPr>
              <a:t> tab to insert a new slide</a:t>
            </a:r>
            <a:br>
              <a:rPr lang="en-US" altLang="da-DK" sz="900" b="0" noProof="1">
                <a:solidFill>
                  <a:schemeClr val="accent4"/>
                </a:solidFill>
                <a:latin typeface="+mn-lt"/>
                <a:cs typeface="Arial" panose="020B0604020202020204" pitchFamily="34" charset="0"/>
              </a:rPr>
            </a:br>
            <a:r>
              <a:rPr lang="en-US" altLang="da-DK" sz="900" b="0" noProof="1">
                <a:solidFill>
                  <a:schemeClr val="accent4"/>
                </a:solidFill>
                <a:latin typeface="+mn-lt"/>
                <a:cs typeface="Arial" panose="020B0604020202020204" pitchFamily="34" charset="0"/>
              </a:rPr>
              <a:t/>
            </a:r>
            <a:br>
              <a:rPr lang="en-US" altLang="da-DK" sz="900" b="0" noProof="1">
                <a:solidFill>
                  <a:schemeClr val="accent4"/>
                </a:solidFill>
                <a:latin typeface="+mn-lt"/>
                <a:cs typeface="Arial" panose="020B0604020202020204" pitchFamily="34" charset="0"/>
              </a:rPr>
            </a:br>
            <a:r>
              <a:rPr lang="en-US" altLang="da-DK" sz="900" b="1" noProof="1">
                <a:solidFill>
                  <a:schemeClr val="accent4"/>
                </a:solidFill>
                <a:latin typeface="+mn-lt"/>
                <a:cs typeface="Arial" panose="020B0604020202020204" pitchFamily="34" charset="0"/>
              </a:rPr>
              <a:t>Change layout</a:t>
            </a:r>
            <a:endParaRPr lang="en-US" dirty="0">
              <a:solidFill>
                <a:schemeClr val="accent4"/>
              </a:solidFill>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chemeClr val="accent4"/>
                </a:solidFill>
                <a:latin typeface="+mn-lt"/>
                <a:ea typeface="Arial" panose="020B0604020202020204" pitchFamily="34" charset="0"/>
                <a:cs typeface="Arial" panose="020B0604020202020204" pitchFamily="34" charset="0"/>
              </a:rPr>
              <a:t>Click on the arrow next to </a:t>
            </a:r>
            <a:r>
              <a:rPr lang="en-US" sz="900" b="1" dirty="0">
                <a:solidFill>
                  <a:schemeClr val="accent4"/>
                </a:solidFill>
                <a:latin typeface="+mn-lt"/>
                <a:ea typeface="Arial" panose="020B0604020202020204" pitchFamily="34" charset="0"/>
                <a:cs typeface="Arial" panose="020B0604020202020204" pitchFamily="34" charset="0"/>
              </a:rPr>
              <a:t>Layout </a:t>
            </a:r>
            <a:r>
              <a:rPr lang="en-US" sz="900" dirty="0">
                <a:solidFill>
                  <a:schemeClr val="accent4"/>
                </a:solidFill>
                <a:latin typeface="+mn-lt"/>
                <a:ea typeface="Arial" panose="020B0604020202020204" pitchFamily="34" charset="0"/>
                <a:cs typeface="Arial" panose="020B0604020202020204" pitchFamily="34" charset="0"/>
              </a:rPr>
              <a:t>to view a dropdown menu of possible slide layouts</a:t>
            </a:r>
            <a:r>
              <a:rPr lang="en-US" altLang="da-DK" sz="900" b="0" baseline="0" noProof="1">
                <a:solidFill>
                  <a:schemeClr val="accent4"/>
                </a:solidFill>
                <a:latin typeface="+mn-lt"/>
                <a:cs typeface="Arial" panose="020B0604020202020204" pitchFamily="34" charset="0"/>
              </a:rPr>
              <a:t/>
            </a:r>
            <a:br>
              <a:rPr lang="en-US" altLang="da-DK" sz="900" b="0" baseline="0" noProof="1">
                <a:solidFill>
                  <a:schemeClr val="accent4"/>
                </a:solidFill>
                <a:latin typeface="+mn-lt"/>
                <a:cs typeface="Arial" panose="020B0604020202020204" pitchFamily="34" charset="0"/>
              </a:rPr>
            </a:br>
            <a:r>
              <a:rPr lang="en-US" altLang="da-DK" sz="900" b="0" baseline="0" noProof="1">
                <a:solidFill>
                  <a:schemeClr val="accent4"/>
                </a:solidFill>
                <a:latin typeface="+mn-lt"/>
                <a:cs typeface="Arial" panose="020B0604020202020204" pitchFamily="34" charset="0"/>
              </a:rPr>
              <a:t/>
            </a:r>
            <a:br>
              <a:rPr lang="en-US" altLang="da-DK" sz="900" b="0" baseline="0" noProof="1">
                <a:solidFill>
                  <a:schemeClr val="accent4"/>
                </a:solidFill>
                <a:latin typeface="+mn-lt"/>
                <a:cs typeface="Arial" panose="020B0604020202020204" pitchFamily="34" charset="0"/>
              </a:rPr>
            </a:br>
            <a:r>
              <a:rPr lang="en-US" sz="900" b="1" noProof="1">
                <a:solidFill>
                  <a:schemeClr val="accent4"/>
                </a:solidFill>
                <a:latin typeface="+mn-lt"/>
                <a:cs typeface="Arial" panose="020B0604020202020204" pitchFamily="34" charset="0"/>
              </a:rPr>
              <a:t>Reset slide</a:t>
            </a:r>
            <a:endParaRPr lang="en-US" dirty="0">
              <a:solidFill>
                <a:schemeClr val="accent4"/>
              </a:solidFill>
            </a:endParaRP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accent4"/>
                </a:solidFill>
                <a:latin typeface="+mn-lt"/>
                <a:cs typeface="Arial" panose="020B0604020202020204" pitchFamily="34" charset="0"/>
              </a:rPr>
              <a:t>Click the </a:t>
            </a:r>
            <a:r>
              <a:rPr lang="en-US" altLang="da-DK" sz="900" b="1" baseline="0" noProof="1">
                <a:solidFill>
                  <a:schemeClr val="accent4"/>
                </a:solidFill>
                <a:latin typeface="+mn-lt"/>
                <a:cs typeface="Arial" panose="020B0604020202020204" pitchFamily="34" charset="0"/>
              </a:rPr>
              <a:t>Reset </a:t>
            </a:r>
            <a:r>
              <a:rPr lang="en-US" altLang="da-DK" sz="900" noProof="1">
                <a:solidFill>
                  <a:schemeClr val="accent4"/>
                </a:solidFill>
                <a:latin typeface="+mn-lt"/>
                <a:cs typeface="Arial" panose="020B0604020202020204" pitchFamily="34" charset="0"/>
              </a:rPr>
              <a:t>menu to reset position, size</a:t>
            </a:r>
            <a:r>
              <a:rPr lang="en-US" altLang="da-DK" sz="900" baseline="0" noProof="1">
                <a:solidFill>
                  <a:schemeClr val="accent4"/>
                </a:solidFill>
                <a:latin typeface="+mn-lt"/>
                <a:cs typeface="Arial" panose="020B0604020202020204" pitchFamily="34" charset="0"/>
              </a:rPr>
              <a:t> and formatting of the slide placeholders to their default settings</a:t>
            </a:r>
            <a:endParaRPr lang="en-US" altLang="da-DK" sz="900" noProof="1">
              <a:solidFill>
                <a:schemeClr val="accent4"/>
              </a:solidFill>
              <a:latin typeface="+mn-lt"/>
              <a:cs typeface="Arial" panose="020B0604020202020204" pitchFamily="34" charset="0"/>
            </a:endParaRPr>
          </a:p>
          <a:p>
            <a:pPr eaLnBrk="1" hangingPunct="1">
              <a:spcAft>
                <a:spcPts val="600"/>
              </a:spcAft>
              <a:defRPr/>
            </a:pPr>
            <a:endParaRPr lang="en-US" altLang="da-DK" sz="900" b="0" noProof="1">
              <a:solidFill>
                <a:schemeClr val="accent4"/>
              </a:solidFill>
              <a:latin typeface="+mn-lt"/>
              <a:cs typeface="Arial" panose="020B0604020202020204" pitchFamily="34" charset="0"/>
            </a:endParaRPr>
          </a:p>
        </p:txBody>
      </p:sp>
      <p:pic>
        <p:nvPicPr>
          <p:cNvPr id="4" name="Picture 16">
            <a:extLst>
              <a:ext uri="{FF2B5EF4-FFF2-40B4-BE49-F238E27FC236}">
                <a16:creationId xmlns:a16="http://schemas.microsoft.com/office/drawing/2014/main" id="{1E8F9B63-1B4E-FCD0-F92A-5801D40740B7}"/>
              </a:ext>
            </a:extLst>
          </p:cNvPr>
          <p:cNvPicPr>
            <a:picLocks noChangeAspect="1"/>
          </p:cNvPicPr>
          <p:nvPr userDrawn="1"/>
        </p:nvPicPr>
        <p:blipFill>
          <a:blip r:embed="rId2"/>
          <a:stretch>
            <a:fillRect/>
          </a:stretch>
        </p:blipFill>
        <p:spPr>
          <a:xfrm>
            <a:off x="2648750" y="1492295"/>
            <a:ext cx="328881" cy="505501"/>
          </a:xfrm>
          <a:prstGeom prst="rect">
            <a:avLst/>
          </a:prstGeom>
        </p:spPr>
      </p:pic>
      <p:pic>
        <p:nvPicPr>
          <p:cNvPr id="5" name="Picture 20">
            <a:extLst>
              <a:ext uri="{FF2B5EF4-FFF2-40B4-BE49-F238E27FC236}">
                <a16:creationId xmlns:a16="http://schemas.microsoft.com/office/drawing/2014/main" id="{4B1E51C1-2883-28C2-CA38-B8364403EBEC}"/>
              </a:ext>
            </a:extLst>
          </p:cNvPr>
          <p:cNvPicPr>
            <a:picLocks noChangeAspect="1"/>
          </p:cNvPicPr>
          <p:nvPr userDrawn="1"/>
        </p:nvPicPr>
        <p:blipFill>
          <a:blip r:embed="rId3"/>
          <a:stretch>
            <a:fillRect/>
          </a:stretch>
        </p:blipFill>
        <p:spPr>
          <a:xfrm>
            <a:off x="2648750" y="2688100"/>
            <a:ext cx="538465" cy="172841"/>
          </a:xfrm>
          <a:prstGeom prst="rect">
            <a:avLst/>
          </a:prstGeom>
        </p:spPr>
      </p:pic>
      <p:pic>
        <p:nvPicPr>
          <p:cNvPr id="6" name="Picture 5">
            <a:extLst>
              <a:ext uri="{FF2B5EF4-FFF2-40B4-BE49-F238E27FC236}">
                <a16:creationId xmlns:a16="http://schemas.microsoft.com/office/drawing/2014/main" id="{1A634274-AE1A-B4F3-5997-3FEA4FB8FE12}"/>
              </a:ext>
            </a:extLst>
          </p:cNvPr>
          <p:cNvPicPr>
            <a:picLocks noChangeAspect="1"/>
          </p:cNvPicPr>
          <p:nvPr userDrawn="1"/>
        </p:nvPicPr>
        <p:blipFill>
          <a:blip r:embed="rId4"/>
          <a:stretch>
            <a:fillRect/>
          </a:stretch>
        </p:blipFill>
        <p:spPr>
          <a:xfrm>
            <a:off x="2648749" y="2143979"/>
            <a:ext cx="475428" cy="176762"/>
          </a:xfrm>
          <a:prstGeom prst="rect">
            <a:avLst/>
          </a:prstGeom>
        </p:spPr>
      </p:pic>
      <p:pic>
        <p:nvPicPr>
          <p:cNvPr id="7" name="Picture 33">
            <a:extLst>
              <a:ext uri="{FF2B5EF4-FFF2-40B4-BE49-F238E27FC236}">
                <a16:creationId xmlns:a16="http://schemas.microsoft.com/office/drawing/2014/main" id="{B5995B62-48AB-13B5-3E27-2DCDDE8510DC}"/>
              </a:ext>
            </a:extLst>
          </p:cNvPr>
          <p:cNvPicPr>
            <a:picLocks noChangeAspect="1"/>
          </p:cNvPicPr>
          <p:nvPr userDrawn="1"/>
        </p:nvPicPr>
        <p:blipFill rotWithShape="1">
          <a:blip r:embed="rId5"/>
          <a:srcRect l="3901" t="45142" r="62601" b="9046"/>
          <a:stretch/>
        </p:blipFill>
        <p:spPr>
          <a:xfrm>
            <a:off x="6906326" y="1620287"/>
            <a:ext cx="341204" cy="321707"/>
          </a:xfrm>
          <a:prstGeom prst="rect">
            <a:avLst/>
          </a:prstGeom>
        </p:spPr>
      </p:pic>
    </p:spTree>
    <p:extLst>
      <p:ext uri="{BB962C8B-B14F-4D97-AF65-F5344CB8AC3E}">
        <p14:creationId xmlns:p14="http://schemas.microsoft.com/office/powerpoint/2010/main" val="1429305663"/>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a:spLocks noGrp="1" noRot="1" noMove="1" noResize="1" noEditPoints="1" noAdjustHandles="1" noChangeArrowheads="1" noChangeShapeType="1"/>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a:spLocks noGrp="1" noRot="1" noMove="1" noResize="1" noEditPoints="1" noAdjustHandles="1" noChangeArrowheads="1" noChangeShapeType="1"/>
          </p:cNvSpPr>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r>
              <a:rPr lang="en-US" sz="4400" b="0" i="0" noProof="0" dirty="0">
                <a:solidFill>
                  <a:schemeClr val="bg1"/>
                </a:solidFill>
              </a:rPr>
              <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r>
              <a:rPr lang="en-US" sz="2800" b="0" noProof="0" dirty="0">
                <a:solidFill>
                  <a:schemeClr val="bg1"/>
                </a:solidFill>
              </a:rPr>
              <a:t/>
            </a:r>
            <a:br>
              <a:rPr lang="en-US" sz="2800" b="0" noProof="0" dirty="0">
                <a:solidFill>
                  <a:schemeClr val="bg1"/>
                </a:solidFill>
              </a:rPr>
            </a:br>
            <a:r>
              <a:rPr lang="en-US" sz="2800" b="0" noProof="0" dirty="0">
                <a:solidFill>
                  <a:schemeClr val="bg1"/>
                </a:solidFill>
              </a:rPr>
              <a:t/>
            </a: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a:grpSpLocks noGrp="1" noUngrp="1" noRot="1" noMove="1" noResize="1"/>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a:spLocks noGrp="1" noRot="1" noMove="1" noResize="1" noEditPoints="1" noAdjustHandles="1" noChangeArrowheads="1" noChangeShapeType="1"/>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a:spLocks noGrp="1" noRot="1" noMove="1" noResize="1" noEditPoints="1" noAdjustHandles="1" noChangeArrowheads="1" noChangeShapeType="1"/>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a:spLocks noGrp="1" noRot="1" noMove="1" noResize="1" noEditPoints="1" noAdjustHandles="1" noChangeArrowheads="1" noChangeShapeType="1"/>
          </p:cNvSpPr>
          <p:nvPr userDrawn="1"/>
        </p:nvSpPr>
        <p:spPr bwMode="invGray">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a:spLocks noGrp="1" noRot="1" noMove="1" noResize="1" noEditPoints="1" noAdjustHandles="1" noChangeArrowheads="1" noChangeShapeType="1"/>
          </p:cNvSpPr>
          <p:nvPr userDrawn="1"/>
        </p:nvSpPr>
        <p:spPr bwMode="invGray">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dirty="0"/>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r>
              <a:rPr lang="en-US" sz="1800" b="0" noProof="0" dirty="0">
                <a:solidFill>
                  <a:schemeClr val="bg1"/>
                </a:solidFill>
              </a:rPr>
              <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noRot="1" noMove="1" noResize="1" noEditPoints="1" noAdjustHandles="1" noChangeArrowheads="1" noChangeShapeType="1"/>
          </p:cNvSpPr>
          <p:nvPr>
            <p:ph type="dt" sz="half" idx="10"/>
          </p:nvPr>
        </p:nvSpPr>
        <p:spPr bwMode="invGray">
          <a:xfrm>
            <a:off x="0" y="6912000"/>
            <a:ext cx="0" cy="0"/>
          </a:xfrm>
          <a:prstGeom prst="rect">
            <a:avLst/>
          </a:prstGeom>
        </p:spPr>
        <p:txBody>
          <a:bodyPr/>
          <a:lstStyle>
            <a:lvl1pPr>
              <a:defRPr>
                <a:noFill/>
              </a:defRPr>
            </a:lvl1pPr>
          </a:lstStyle>
          <a:p>
            <a:fld id="{D94AE23B-2641-449D-B618-1A6703EA9828}" type="datetime1">
              <a:rPr lang="en-US" smtClean="0"/>
              <a:t>7/26/2024</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noRot="1" noMove="1" noResize="1" noEditPoints="1" noAdjustHandles="1" noChangeArrowheads="1" noChangeShapeType="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noRot="1" noMove="1" noResize="1" noEditPoints="1" noAdjustHandles="1" noChangeArrowheads="1" noChangeShapeType="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84" Type="http://schemas.openxmlformats.org/officeDocument/2006/relationships/slideLayout" Target="../slideLayouts/slideLayout84.xml"/><Relationship Id="rId89" Type="http://schemas.openxmlformats.org/officeDocument/2006/relationships/slideLayout" Target="../slideLayouts/slideLayout89.xml"/><Relationship Id="rId16" Type="http://schemas.openxmlformats.org/officeDocument/2006/relationships/slideLayout" Target="../slideLayouts/slideLayout16.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74" Type="http://schemas.openxmlformats.org/officeDocument/2006/relationships/slideLayout" Target="../slideLayouts/slideLayout74.xml"/><Relationship Id="rId79" Type="http://schemas.openxmlformats.org/officeDocument/2006/relationships/slideLayout" Target="../slideLayouts/slideLayout79.xml"/><Relationship Id="rId5" Type="http://schemas.openxmlformats.org/officeDocument/2006/relationships/slideLayout" Target="../slideLayouts/slideLayout5.xml"/><Relationship Id="rId90" Type="http://schemas.openxmlformats.org/officeDocument/2006/relationships/slideLayout" Target="../slideLayouts/slideLayout90.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80" Type="http://schemas.openxmlformats.org/officeDocument/2006/relationships/slideLayout" Target="../slideLayouts/slideLayout80.xml"/><Relationship Id="rId85" Type="http://schemas.openxmlformats.org/officeDocument/2006/relationships/slideLayout" Target="../slideLayouts/slideLayout85.xml"/><Relationship Id="rId93" Type="http://schemas.openxmlformats.org/officeDocument/2006/relationships/image" Target="../media/image1.emf"/><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83" Type="http://schemas.openxmlformats.org/officeDocument/2006/relationships/slideLayout" Target="../slideLayouts/slideLayout83.xml"/><Relationship Id="rId88" Type="http://schemas.openxmlformats.org/officeDocument/2006/relationships/slideLayout" Target="../slideLayouts/slideLayout88.xml"/><Relationship Id="rId91" Type="http://schemas.openxmlformats.org/officeDocument/2006/relationships/slideLayout" Target="../slideLayouts/slideLayout9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slideLayout" Target="../slideLayouts/slideLayout78.xml"/><Relationship Id="rId81" Type="http://schemas.openxmlformats.org/officeDocument/2006/relationships/slideLayout" Target="../slideLayouts/slideLayout81.xml"/><Relationship Id="rId86" Type="http://schemas.openxmlformats.org/officeDocument/2006/relationships/slideLayout" Target="../slideLayouts/slideLayout86.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slideLayout" Target="../slideLayouts/slideLayout76.xml"/><Relationship Id="rId7" Type="http://schemas.openxmlformats.org/officeDocument/2006/relationships/slideLayout" Target="../slideLayouts/slideLayout7.xml"/><Relationship Id="rId71" Type="http://schemas.openxmlformats.org/officeDocument/2006/relationships/slideLayout" Target="../slideLayouts/slideLayout71.xml"/><Relationship Id="rId92" Type="http://schemas.openxmlformats.org/officeDocument/2006/relationships/theme" Target="../theme/theme1.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slideLayout" Target="../slideLayouts/slideLayout66.xml"/><Relationship Id="rId87" Type="http://schemas.openxmlformats.org/officeDocument/2006/relationships/slideLayout" Target="../slideLayouts/slideLayout87.xml"/><Relationship Id="rId61" Type="http://schemas.openxmlformats.org/officeDocument/2006/relationships/slideLayout" Target="../slideLayouts/slideLayout61.xml"/><Relationship Id="rId82" Type="http://schemas.openxmlformats.org/officeDocument/2006/relationships/slideLayout" Target="../slideLayouts/slideLayout8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slideLayout" Target="../slideLayouts/slideLayout56.xml"/><Relationship Id="rId77" Type="http://schemas.openxmlformats.org/officeDocument/2006/relationships/slideLayout" Target="../slideLayouts/slideLayout7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15" name="Group grid" hidden="1">
            <a:extLst>
              <a:ext uri="{FF2B5EF4-FFF2-40B4-BE49-F238E27FC236}">
                <a16:creationId xmlns:a16="http://schemas.microsoft.com/office/drawing/2014/main" id="{37607DA1-F6E8-D49E-5C59-1B8ACFFD0F41}"/>
              </a:ext>
            </a:extLst>
          </p:cNvPr>
          <p:cNvGrpSpPr/>
          <p:nvPr userDrawn="1"/>
        </p:nvGrpSpPr>
        <p:grpSpPr>
          <a:xfrm>
            <a:off x="360000" y="295200"/>
            <a:ext cx="11471999" cy="6224400"/>
            <a:chOff x="360000" y="295200"/>
            <a:chExt cx="11471999" cy="6224400"/>
          </a:xfrm>
        </p:grpSpPr>
        <p:sp>
          <p:nvSpPr>
            <p:cNvPr id="17" name="C1">
              <a:extLst>
                <a:ext uri="{FF2B5EF4-FFF2-40B4-BE49-F238E27FC236}">
                  <a16:creationId xmlns:a16="http://schemas.microsoft.com/office/drawing/2014/main" id="{FCAC7215-4CB8-7133-2B74-03174E533547}"/>
                </a:ext>
              </a:extLst>
            </p:cNvPr>
            <p:cNvSpPr/>
            <p:nvPr/>
          </p:nvSpPr>
          <p:spPr>
            <a:xfrm>
              <a:off x="360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1" name="S1">
              <a:extLst>
                <a:ext uri="{FF2B5EF4-FFF2-40B4-BE49-F238E27FC236}">
                  <a16:creationId xmlns:a16="http://schemas.microsoft.com/office/drawing/2014/main" id="{D5B3F64F-1EAF-2219-E0E7-7DCB535C2A25}"/>
                </a:ext>
              </a:extLst>
            </p:cNvPr>
            <p:cNvSpPr/>
            <p:nvPr/>
          </p:nvSpPr>
          <p:spPr>
            <a:xfrm>
              <a:off x="1151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C2">
              <a:extLst>
                <a:ext uri="{FF2B5EF4-FFF2-40B4-BE49-F238E27FC236}">
                  <a16:creationId xmlns:a16="http://schemas.microsoft.com/office/drawing/2014/main" id="{067834E4-B5E1-B7D9-7C6B-A03DC9231377}"/>
                </a:ext>
              </a:extLst>
            </p:cNvPr>
            <p:cNvSpPr/>
            <p:nvPr/>
          </p:nvSpPr>
          <p:spPr>
            <a:xfrm>
              <a:off x="1331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5" name="S2">
              <a:extLst>
                <a:ext uri="{FF2B5EF4-FFF2-40B4-BE49-F238E27FC236}">
                  <a16:creationId xmlns:a16="http://schemas.microsoft.com/office/drawing/2014/main" id="{9A198648-E105-32FC-2D32-35223168F945}"/>
                </a:ext>
              </a:extLst>
            </p:cNvPr>
            <p:cNvSpPr/>
            <p:nvPr/>
          </p:nvSpPr>
          <p:spPr>
            <a:xfrm>
              <a:off x="2122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7" name="C3">
              <a:extLst>
                <a:ext uri="{FF2B5EF4-FFF2-40B4-BE49-F238E27FC236}">
                  <a16:creationId xmlns:a16="http://schemas.microsoft.com/office/drawing/2014/main" id="{A7B1529F-F8EF-2EAC-0134-C0F596D44059}"/>
                </a:ext>
              </a:extLst>
            </p:cNvPr>
            <p:cNvSpPr/>
            <p:nvPr/>
          </p:nvSpPr>
          <p:spPr>
            <a:xfrm>
              <a:off x="2302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1" name="S3">
              <a:extLst>
                <a:ext uri="{FF2B5EF4-FFF2-40B4-BE49-F238E27FC236}">
                  <a16:creationId xmlns:a16="http://schemas.microsoft.com/office/drawing/2014/main" id="{8A74E50A-9555-0B30-AB97-B7F19CB54097}"/>
                </a:ext>
              </a:extLst>
            </p:cNvPr>
            <p:cNvSpPr/>
            <p:nvPr/>
          </p:nvSpPr>
          <p:spPr>
            <a:xfrm>
              <a:off x="3093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C4">
              <a:extLst>
                <a:ext uri="{FF2B5EF4-FFF2-40B4-BE49-F238E27FC236}">
                  <a16:creationId xmlns:a16="http://schemas.microsoft.com/office/drawing/2014/main" id="{7323F0D6-DD8A-EF68-F736-A8022B9D1A9F}"/>
                </a:ext>
              </a:extLst>
            </p:cNvPr>
            <p:cNvSpPr/>
            <p:nvPr/>
          </p:nvSpPr>
          <p:spPr>
            <a:xfrm>
              <a:off x="3273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5" name="S4">
              <a:extLst>
                <a:ext uri="{FF2B5EF4-FFF2-40B4-BE49-F238E27FC236}">
                  <a16:creationId xmlns:a16="http://schemas.microsoft.com/office/drawing/2014/main" id="{B320E54E-CE85-2891-EEFD-52FDE3AE7C80}"/>
                </a:ext>
              </a:extLst>
            </p:cNvPr>
            <p:cNvSpPr/>
            <p:nvPr/>
          </p:nvSpPr>
          <p:spPr>
            <a:xfrm>
              <a:off x="4064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C5">
              <a:extLst>
                <a:ext uri="{FF2B5EF4-FFF2-40B4-BE49-F238E27FC236}">
                  <a16:creationId xmlns:a16="http://schemas.microsoft.com/office/drawing/2014/main" id="{DD80A58A-428A-B076-CACA-2D6A4081345D}"/>
                </a:ext>
              </a:extLst>
            </p:cNvPr>
            <p:cNvSpPr/>
            <p:nvPr/>
          </p:nvSpPr>
          <p:spPr>
            <a:xfrm>
              <a:off x="4244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1" name="S5">
              <a:extLst>
                <a:ext uri="{FF2B5EF4-FFF2-40B4-BE49-F238E27FC236}">
                  <a16:creationId xmlns:a16="http://schemas.microsoft.com/office/drawing/2014/main" id="{35CC93A5-1EDF-BFE6-8A28-E74B9EA3E6D6}"/>
                </a:ext>
              </a:extLst>
            </p:cNvPr>
            <p:cNvSpPr/>
            <p:nvPr/>
          </p:nvSpPr>
          <p:spPr>
            <a:xfrm>
              <a:off x="5035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3" name="C6">
              <a:extLst>
                <a:ext uri="{FF2B5EF4-FFF2-40B4-BE49-F238E27FC236}">
                  <a16:creationId xmlns:a16="http://schemas.microsoft.com/office/drawing/2014/main" id="{AC300F1A-A752-4FE8-EB0B-ED2AE1F850A9}"/>
                </a:ext>
              </a:extLst>
            </p:cNvPr>
            <p:cNvSpPr/>
            <p:nvPr/>
          </p:nvSpPr>
          <p:spPr>
            <a:xfrm>
              <a:off x="5215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5" name="S6">
              <a:extLst>
                <a:ext uri="{FF2B5EF4-FFF2-40B4-BE49-F238E27FC236}">
                  <a16:creationId xmlns:a16="http://schemas.microsoft.com/office/drawing/2014/main" id="{0A82CD33-8C47-6F3D-709D-54336175CE4A}"/>
                </a:ext>
              </a:extLst>
            </p:cNvPr>
            <p:cNvSpPr/>
            <p:nvPr/>
          </p:nvSpPr>
          <p:spPr>
            <a:xfrm>
              <a:off x="6006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7" name="C7">
              <a:extLst>
                <a:ext uri="{FF2B5EF4-FFF2-40B4-BE49-F238E27FC236}">
                  <a16:creationId xmlns:a16="http://schemas.microsoft.com/office/drawing/2014/main" id="{B4D0E9E5-B078-25FA-0079-C66E1B3AE53D}"/>
                </a:ext>
              </a:extLst>
            </p:cNvPr>
            <p:cNvSpPr/>
            <p:nvPr/>
          </p:nvSpPr>
          <p:spPr>
            <a:xfrm>
              <a:off x="6186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9" name="S7">
              <a:extLst>
                <a:ext uri="{FF2B5EF4-FFF2-40B4-BE49-F238E27FC236}">
                  <a16:creationId xmlns:a16="http://schemas.microsoft.com/office/drawing/2014/main" id="{C06C1640-027D-0525-132B-129F8BEE8779}"/>
                </a:ext>
              </a:extLst>
            </p:cNvPr>
            <p:cNvSpPr/>
            <p:nvPr/>
          </p:nvSpPr>
          <p:spPr>
            <a:xfrm>
              <a:off x="6977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1" name="C8">
              <a:extLst>
                <a:ext uri="{FF2B5EF4-FFF2-40B4-BE49-F238E27FC236}">
                  <a16:creationId xmlns:a16="http://schemas.microsoft.com/office/drawing/2014/main" id="{494CEA86-2D55-DBE2-7EC9-4330EBCA7ED4}"/>
                </a:ext>
              </a:extLst>
            </p:cNvPr>
            <p:cNvSpPr/>
            <p:nvPr/>
          </p:nvSpPr>
          <p:spPr>
            <a:xfrm>
              <a:off x="7157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3" name="S8">
              <a:extLst>
                <a:ext uri="{FF2B5EF4-FFF2-40B4-BE49-F238E27FC236}">
                  <a16:creationId xmlns:a16="http://schemas.microsoft.com/office/drawing/2014/main" id="{D7089E16-97A1-A681-FDF8-49A2E7B966A7}"/>
                </a:ext>
              </a:extLst>
            </p:cNvPr>
            <p:cNvSpPr/>
            <p:nvPr/>
          </p:nvSpPr>
          <p:spPr>
            <a:xfrm>
              <a:off x="7948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5" name="C9">
              <a:extLst>
                <a:ext uri="{FF2B5EF4-FFF2-40B4-BE49-F238E27FC236}">
                  <a16:creationId xmlns:a16="http://schemas.microsoft.com/office/drawing/2014/main" id="{617FDEB0-8FC6-2DE6-077F-0E9692D894B2}"/>
                </a:ext>
              </a:extLst>
            </p:cNvPr>
            <p:cNvSpPr/>
            <p:nvPr/>
          </p:nvSpPr>
          <p:spPr>
            <a:xfrm>
              <a:off x="8128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6" name="S9">
              <a:extLst>
                <a:ext uri="{FF2B5EF4-FFF2-40B4-BE49-F238E27FC236}">
                  <a16:creationId xmlns:a16="http://schemas.microsoft.com/office/drawing/2014/main" id="{A49F0502-3282-B572-379B-3E4B9D4F3060}"/>
                </a:ext>
              </a:extLst>
            </p:cNvPr>
            <p:cNvSpPr/>
            <p:nvPr/>
          </p:nvSpPr>
          <p:spPr>
            <a:xfrm>
              <a:off x="8919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7" name="C10">
              <a:extLst>
                <a:ext uri="{FF2B5EF4-FFF2-40B4-BE49-F238E27FC236}">
                  <a16:creationId xmlns:a16="http://schemas.microsoft.com/office/drawing/2014/main" id="{6C3EAFBB-1F58-2590-ACEF-9D24F0238C55}"/>
                </a:ext>
              </a:extLst>
            </p:cNvPr>
            <p:cNvSpPr/>
            <p:nvPr/>
          </p:nvSpPr>
          <p:spPr>
            <a:xfrm>
              <a:off x="9099000" y="295200"/>
              <a:ext cx="790999"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8" name="S10">
              <a:extLst>
                <a:ext uri="{FF2B5EF4-FFF2-40B4-BE49-F238E27FC236}">
                  <a16:creationId xmlns:a16="http://schemas.microsoft.com/office/drawing/2014/main" id="{8E4E203C-405D-AD88-98C8-F457198CBB5F}"/>
                </a:ext>
              </a:extLst>
            </p:cNvPr>
            <p:cNvSpPr/>
            <p:nvPr/>
          </p:nvSpPr>
          <p:spPr>
            <a:xfrm>
              <a:off x="9890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9" name="C11">
              <a:extLst>
                <a:ext uri="{FF2B5EF4-FFF2-40B4-BE49-F238E27FC236}">
                  <a16:creationId xmlns:a16="http://schemas.microsoft.com/office/drawing/2014/main" id="{DFF9C1D7-DA56-9469-255A-D9EC585B0D14}"/>
                </a:ext>
              </a:extLst>
            </p:cNvPr>
            <p:cNvSpPr/>
            <p:nvPr/>
          </p:nvSpPr>
          <p:spPr>
            <a:xfrm>
              <a:off x="10070000" y="295200"/>
              <a:ext cx="791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0" name="S11">
              <a:extLst>
                <a:ext uri="{FF2B5EF4-FFF2-40B4-BE49-F238E27FC236}">
                  <a16:creationId xmlns:a16="http://schemas.microsoft.com/office/drawing/2014/main" id="{9F04DF33-E962-FE3C-27F3-907BEE322AF0}"/>
                </a:ext>
              </a:extLst>
            </p:cNvPr>
            <p:cNvSpPr/>
            <p:nvPr/>
          </p:nvSpPr>
          <p:spPr>
            <a:xfrm>
              <a:off x="10861000" y="295200"/>
              <a:ext cx="180000"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1" name="C12">
              <a:extLst>
                <a:ext uri="{FF2B5EF4-FFF2-40B4-BE49-F238E27FC236}">
                  <a16:creationId xmlns:a16="http://schemas.microsoft.com/office/drawing/2014/main" id="{B890B9CC-5587-B28B-464B-E17FCD28DDF9}"/>
                </a:ext>
              </a:extLst>
            </p:cNvPr>
            <p:cNvSpPr/>
            <p:nvPr/>
          </p:nvSpPr>
          <p:spPr>
            <a:xfrm>
              <a:off x="11041000" y="295200"/>
              <a:ext cx="790999" cy="6224400"/>
            </a:xfrm>
            <a:prstGeom prst="rect">
              <a:avLst/>
            </a:prstGeom>
            <a:noFill/>
            <a:ln w="3175" cap="flat" cmpd="sng" algn="ctr">
              <a:solidFill>
                <a:srgbClr val="FF0066"/>
              </a:solidFill>
              <a:prstDash val="solid"/>
              <a:miter lim="800000"/>
            </a:ln>
            <a:effectLst/>
            <a:extLst>
              <a:ext uri="{909E8E84-426E-40DD-AFC4-6F175D3DCCD1}">
                <a14:hiddenFill xmlns:a14="http://schemas.microsoft.com/office/drawing/2010/main">
                  <a:solidFill>
                    <a:schemeClr val="accent1"/>
                  </a:solidFill>
                </a14:hiddenFill>
              </a:ext>
            </a:ex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295200"/>
            <a:ext cx="7588800" cy="1411288"/>
          </a:xfrm>
          <a:prstGeom prst="rect">
            <a:avLst/>
          </a:prstGeom>
        </p:spPr>
        <p:txBody>
          <a:bodyPr vert="horz" lIns="0" tIns="0" rIns="0" bIns="0" rtlCol="0" anchor="t" anchorCtr="0">
            <a:noAutofit/>
          </a:bodyPr>
          <a:lstStyle/>
          <a:p>
            <a:r>
              <a:rPr lang="en-US" dirty="0"/>
              <a:t>Click to add title</a:t>
            </a:r>
            <a:endParaRPr lang="en-US"/>
          </a:p>
        </p:txBody>
      </p:sp>
      <p:sp>
        <p:nvSpPr>
          <p:cNvPr id="3" name="Text Placeholder 2"/>
          <p:cNvSpPr>
            <a:spLocks noGrp="1"/>
          </p:cNvSpPr>
          <p:nvPr>
            <p:ph type="body" idx="1"/>
          </p:nvPr>
        </p:nvSpPr>
        <p:spPr>
          <a:xfrm>
            <a:off x="360000" y="1706400"/>
            <a:ext cx="7588800" cy="4041938"/>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5" name="Legal dynamic" descr="{&quot;templafy&quot;:{&quot;id&quot;:&quot;3b902492-471a-4527-949a-0cf718a6ae85&quot;}}" title="Form.Cigna_Confidentiality.EvernorthConfidentiality">
            <a:extLst>
              <a:ext uri="{FF2B5EF4-FFF2-40B4-BE49-F238E27FC236}">
                <a16:creationId xmlns:a16="http://schemas.microsoft.com/office/drawing/2014/main" id="{0218BFDC-C593-4060-86CB-6BA121C02B84}"/>
              </a:ext>
            </a:extLst>
          </p:cNvPr>
          <p:cNvSpPr/>
          <p:nvPr userDrawn="1"/>
        </p:nvSpPr>
        <p:spPr>
          <a:xfrm>
            <a:off x="5922000" y="6216565"/>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1000" b="0" i="0" cap="none" baseline="0" dirty="0">
                <a:solidFill>
                  <a:srgbClr val="035C67"/>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
        <p:nvSpPr>
          <p:cNvPr id="8" name="Internal Stamp dynamic" descr="{&quot;templafy&quot;:{&quot;id&quot;:&quot;5268c20a-2517-4dbd-8892-f52aac2c3a9c&quot;}}" title="Form.Cigna_Confidentiality.Cigna_confidentiality">
            <a:extLst>
              <a:ext uri="{FF2B5EF4-FFF2-40B4-BE49-F238E27FC236}">
                <a16:creationId xmlns:a16="http://schemas.microsoft.com/office/drawing/2014/main" id="{707EE37D-5AC8-496F-918C-A354CCA61E7B}"/>
              </a:ext>
            </a:extLst>
          </p:cNvPr>
          <p:cNvSpPr/>
          <p:nvPr userDrawn="1"/>
        </p:nvSpPr>
        <p:spPr>
          <a:xfrm>
            <a:off x="3276000" y="6216565"/>
            <a:ext cx="19404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lnSpc>
                <a:spcPct val="90000"/>
              </a:lnSpc>
            </a:pPr>
            <a:endParaRPr lang="en-US" sz="1000" b="0" i="0" kern="1200" cap="none" baseline="0" noProof="0" dirty="0">
              <a:solidFill>
                <a:srgbClr val="035C67"/>
              </a:solidFill>
              <a:effectLst/>
              <a:latin typeface="Arial Narrow" panose="020B0604020202020204" pitchFamily="34" charset="0"/>
              <a:ea typeface="+mn-ea"/>
              <a:cs typeface="+mn-cs"/>
            </a:endParaRPr>
          </a:p>
        </p:txBody>
      </p:sp>
      <p:pic>
        <p:nvPicPr>
          <p:cNvPr id="1060342791" name="Dynamic logo dark mint" descr="{&quot;templafy&quot;:{&quot;id&quot;:&quot;19bd03ab-ed87-4716-bc73-2cbf9b23bf73&quot;}}"/>
          <p:cNvPicPr>
            <a:picLocks noChangeAspect="1"/>
          </p:cNvPicPr>
          <p:nvPr/>
        </p:nvPicPr>
        <p:blipFill>
          <a:blip r:embed="rId93"/>
          <a:stretch>
            <a:fillRect/>
          </a:stretch>
        </p:blipFill>
        <p:spPr>
          <a:xfrm>
            <a:off x="346680" y="5882400"/>
            <a:ext cx="2145600" cy="756000"/>
          </a:xfrm>
          <a:prstGeom prst="rect">
            <a:avLst/>
          </a:prstGeom>
        </p:spPr>
      </p:pic>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561374" y="6364800"/>
            <a:ext cx="266400" cy="180000"/>
          </a:xfrm>
          <a:prstGeom prst="rect">
            <a:avLst/>
          </a:prstGeom>
        </p:spPr>
        <p:txBody>
          <a:bodyPr vert="horz" lIns="0" tIns="0" rIns="0" bIns="0" rtlCol="0" anchor="b" anchorCtr="0"/>
          <a:lstStyle>
            <a:lvl1pPr algn="r">
              <a:lnSpc>
                <a:spcPct val="90000"/>
              </a:lnSpc>
              <a:defRPr sz="800" spc="80" baseline="0">
                <a:solidFill>
                  <a:srgbClr val="035C67"/>
                </a:solidFill>
                <a:latin typeface="+mn-lt"/>
              </a:defRPr>
            </a:lvl1pPr>
          </a:lstStyle>
          <a:p>
            <a:fld id="{23AA811B-2EBD-4900-905E-5BE206449611}" type="slidenum">
              <a:rPr lang="en-US" smtClean="0"/>
              <a:pPr/>
              <a:t>‹#›</a:t>
            </a:fld>
            <a:endParaRPr lang="en-US" dirty="0"/>
          </a:p>
        </p:txBody>
      </p:sp>
      <p:sp>
        <p:nvSpPr>
          <p:cNvPr id="11" name="Date Placeholder 10">
            <a:extLst>
              <a:ext uri="{FF2B5EF4-FFF2-40B4-BE49-F238E27FC236}">
                <a16:creationId xmlns:a16="http://schemas.microsoft.com/office/drawing/2014/main" id="{EC4DAAA9-F5C8-81C3-5385-47B49E0F77CC}"/>
              </a:ext>
            </a:extLst>
          </p:cNvPr>
          <p:cNvSpPr>
            <a:spLocks noGrp="1"/>
          </p:cNvSpPr>
          <p:nvPr>
            <p:ph type="dt" sz="half" idx="2"/>
          </p:nvPr>
        </p:nvSpPr>
        <p:spPr>
          <a:xfrm>
            <a:off x="10630800" y="6364800"/>
            <a:ext cx="691200" cy="180000"/>
          </a:xfrm>
          <a:prstGeom prst="rect">
            <a:avLst/>
          </a:prstGeom>
        </p:spPr>
        <p:txBody>
          <a:bodyPr vert="horz" lIns="0" tIns="0" rIns="0" bIns="0" rtlCol="0" anchor="b" anchorCtr="0"/>
          <a:lstStyle>
            <a:lvl1pPr algn="r">
              <a:defRPr sz="800">
                <a:solidFill>
                  <a:srgbClr val="035C67"/>
                </a:solidFill>
              </a:defRPr>
            </a:lvl1pPr>
          </a:lstStyle>
          <a:p>
            <a:fld id="{B118041E-2DAD-480C-AEE4-E661A097CFE4}" type="datetime1">
              <a:rPr lang="en-US" smtClean="0"/>
              <a:t>7/26/2024</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918" r:id="rId3"/>
    <p:sldLayoutId id="2147483919" r:id="rId4"/>
    <p:sldLayoutId id="2147483852" r:id="rId5"/>
    <p:sldLayoutId id="2147483922" r:id="rId6"/>
    <p:sldLayoutId id="2147483923" r:id="rId7"/>
    <p:sldLayoutId id="2147483855" r:id="rId8"/>
    <p:sldLayoutId id="2147483858" r:id="rId9"/>
    <p:sldLayoutId id="2147483859" r:id="rId10"/>
    <p:sldLayoutId id="2147483737" r:id="rId11"/>
    <p:sldLayoutId id="2147483797" r:id="rId12"/>
    <p:sldLayoutId id="2147483863" r:id="rId13"/>
    <p:sldLayoutId id="2147483864" r:id="rId14"/>
    <p:sldLayoutId id="2147483731" r:id="rId15"/>
    <p:sldLayoutId id="2147483865" r:id="rId16"/>
    <p:sldLayoutId id="2147483866" r:id="rId17"/>
    <p:sldLayoutId id="2147483867" r:id="rId18"/>
    <p:sldLayoutId id="2147483868" r:id="rId19"/>
    <p:sldLayoutId id="2147483800" r:id="rId20"/>
    <p:sldLayoutId id="2147483869" r:id="rId21"/>
    <p:sldLayoutId id="2147483870" r:id="rId22"/>
    <p:sldLayoutId id="2147483871" r:id="rId23"/>
    <p:sldLayoutId id="2147483872" r:id="rId24"/>
    <p:sldLayoutId id="2147483805" r:id="rId25"/>
    <p:sldLayoutId id="2147483806" r:id="rId26"/>
    <p:sldLayoutId id="2147483808" r:id="rId27"/>
    <p:sldLayoutId id="2147483790" r:id="rId28"/>
    <p:sldLayoutId id="2147483732" r:id="rId29"/>
    <p:sldLayoutId id="2147483755" r:id="rId30"/>
    <p:sldLayoutId id="2147483809" r:id="rId31"/>
    <p:sldLayoutId id="2147483873" r:id="rId32"/>
    <p:sldLayoutId id="2147483874" r:id="rId33"/>
    <p:sldLayoutId id="2147483875" r:id="rId34"/>
    <p:sldLayoutId id="2147483876" r:id="rId35"/>
    <p:sldLayoutId id="2147483877" r:id="rId36"/>
    <p:sldLayoutId id="2147483878" r:id="rId37"/>
    <p:sldLayoutId id="2147483880" r:id="rId38"/>
    <p:sldLayoutId id="2147483881" r:id="rId39"/>
    <p:sldLayoutId id="2147483882" r:id="rId40"/>
    <p:sldLayoutId id="2147483883" r:id="rId41"/>
    <p:sldLayoutId id="2147483884" r:id="rId42"/>
    <p:sldLayoutId id="2147483885" r:id="rId43"/>
    <p:sldLayoutId id="2147483886" r:id="rId44"/>
    <p:sldLayoutId id="2147483887" r:id="rId45"/>
    <p:sldLayoutId id="2147483888" r:id="rId46"/>
    <p:sldLayoutId id="2147483889" r:id="rId47"/>
    <p:sldLayoutId id="2147483890" r:id="rId48"/>
    <p:sldLayoutId id="2147483891" r:id="rId49"/>
    <p:sldLayoutId id="2147483892" r:id="rId50"/>
    <p:sldLayoutId id="2147483893" r:id="rId51"/>
    <p:sldLayoutId id="2147483894" r:id="rId52"/>
    <p:sldLayoutId id="2147483895" r:id="rId53"/>
    <p:sldLayoutId id="2147483896" r:id="rId54"/>
    <p:sldLayoutId id="2147483897" r:id="rId55"/>
    <p:sldLayoutId id="2147483810" r:id="rId56"/>
    <p:sldLayoutId id="2147483898" r:id="rId57"/>
    <p:sldLayoutId id="2147483899" r:id="rId58"/>
    <p:sldLayoutId id="2147483900" r:id="rId59"/>
    <p:sldLayoutId id="2147483901" r:id="rId60"/>
    <p:sldLayoutId id="2147483820" r:id="rId61"/>
    <p:sldLayoutId id="2147483902" r:id="rId62"/>
    <p:sldLayoutId id="2147483903" r:id="rId63"/>
    <p:sldLayoutId id="2147483904" r:id="rId64"/>
    <p:sldLayoutId id="2147483905" r:id="rId65"/>
    <p:sldLayoutId id="2147483769" r:id="rId66"/>
    <p:sldLayoutId id="2147483906" r:id="rId67"/>
    <p:sldLayoutId id="2147483907" r:id="rId68"/>
    <p:sldLayoutId id="2147483908" r:id="rId69"/>
    <p:sldLayoutId id="2147483909" r:id="rId70"/>
    <p:sldLayoutId id="2147483910" r:id="rId71"/>
    <p:sldLayoutId id="2147483929" r:id="rId72"/>
    <p:sldLayoutId id="2147483930" r:id="rId73"/>
    <p:sldLayoutId id="2147483911" r:id="rId74"/>
    <p:sldLayoutId id="2147483927" r:id="rId75"/>
    <p:sldLayoutId id="2147483928" r:id="rId76"/>
    <p:sldLayoutId id="2147483914" r:id="rId77"/>
    <p:sldLayoutId id="2147483915" r:id="rId78"/>
    <p:sldLayoutId id="2147483916" r:id="rId79"/>
    <p:sldLayoutId id="2147483828" r:id="rId80"/>
    <p:sldLayoutId id="2147483917" r:id="rId81"/>
    <p:sldLayoutId id="2147483829" r:id="rId82"/>
    <p:sldLayoutId id="2147483831" r:id="rId83"/>
    <p:sldLayoutId id="2147483832" r:id="rId84"/>
    <p:sldLayoutId id="2147483744" r:id="rId85"/>
    <p:sldLayoutId id="2147483833" r:id="rId86"/>
    <p:sldLayoutId id="2147483834" r:id="rId87"/>
    <p:sldLayoutId id="2147483835" r:id="rId88"/>
    <p:sldLayoutId id="2147483836" r:id="rId89"/>
    <p:sldLayoutId id="2147483784" r:id="rId90"/>
    <p:sldLayoutId id="2147483751" r:id="rId91"/>
  </p:sldLayoutIdLst>
  <p:hf hdr="0" ftr="0"/>
  <p:txStyles>
    <p:titleStyle>
      <a:lvl1pPr algn="l" defTabSz="914400" rtl="0" eaLnBrk="1" latinLnBrk="0" hangingPunct="1">
        <a:lnSpc>
          <a:spcPct val="95000"/>
        </a:lnSpc>
        <a:spcBef>
          <a:spcPct val="0"/>
        </a:spcBef>
        <a:buNone/>
        <a:defRPr sz="2800" b="1" kern="1200">
          <a:solidFill>
            <a:schemeClr val="accent3"/>
          </a:solidFill>
          <a:latin typeface="+mj-lt"/>
          <a:ea typeface="+mj-ea"/>
          <a:cs typeface="+mj-cs"/>
        </a:defRPr>
      </a:lvl1pPr>
    </p:titleStyle>
    <p:bodyStyle>
      <a:lvl1pPr marL="180000" indent="-180000" algn="l" defTabSz="914400" rtl="0" eaLnBrk="1" latinLnBrk="0" hangingPunct="1">
        <a:lnSpc>
          <a:spcPct val="120000"/>
        </a:lnSpc>
        <a:spcBef>
          <a:spcPts val="0"/>
        </a:spcBef>
        <a:spcAft>
          <a:spcPts val="300"/>
        </a:spcAft>
        <a:buSzPct val="90000"/>
        <a:buFont typeface="Arial" panose="020B0604020202020204" pitchFamily="34" charset="0"/>
        <a:buChar char="+"/>
        <a:defRPr sz="1400" kern="1200">
          <a:solidFill>
            <a:schemeClr val="tx2"/>
          </a:solidFill>
          <a:latin typeface="+mn-lt"/>
          <a:ea typeface="+mn-ea"/>
          <a:cs typeface="+mn-cs"/>
        </a:defRPr>
      </a:lvl1pPr>
      <a:lvl2pPr marL="360000" indent="-180000" algn="l" defTabSz="914400" rtl="0" eaLnBrk="1" latinLnBrk="0" hangingPunct="1">
        <a:lnSpc>
          <a:spcPct val="120000"/>
        </a:lnSpc>
        <a:spcBef>
          <a:spcPts val="0"/>
        </a:spcBef>
        <a:spcAft>
          <a:spcPts val="300"/>
        </a:spcAft>
        <a:buSzPct val="90000"/>
        <a:buFont typeface="Arial" panose="020B0604020202020204"/>
        <a:buChar char="+"/>
        <a:defRPr sz="1400" kern="1200">
          <a:solidFill>
            <a:schemeClr val="tx2"/>
          </a:solidFill>
          <a:latin typeface="+mn-lt"/>
          <a:ea typeface="+mn-ea"/>
          <a:cs typeface="+mn-cs"/>
        </a:defRPr>
      </a:lvl2pPr>
      <a:lvl3pPr marL="540000" indent="-180000" algn="l" defTabSz="914400" rtl="0" eaLnBrk="1" latinLnBrk="0" hangingPunct="1">
        <a:lnSpc>
          <a:spcPct val="120000"/>
        </a:lnSpc>
        <a:spcBef>
          <a:spcPts val="0"/>
        </a:spcBef>
        <a:spcAft>
          <a:spcPts val="300"/>
        </a:spcAft>
        <a:buSzPct val="90000"/>
        <a:buFont typeface="Arial" panose="020B0604020202020204" pitchFamily="34" charset="0"/>
        <a:buChar char="+"/>
        <a:defRPr sz="1400" kern="1200">
          <a:solidFill>
            <a:schemeClr val="tx2"/>
          </a:solidFill>
          <a:latin typeface="+mn-lt"/>
          <a:ea typeface="+mn-ea"/>
          <a:cs typeface="+mn-cs"/>
        </a:defRPr>
      </a:lvl3pPr>
      <a:lvl4pPr marL="0" indent="0" algn="l" defTabSz="914400" rtl="0" eaLnBrk="1" latinLnBrk="0" hangingPunct="1">
        <a:lnSpc>
          <a:spcPct val="120000"/>
        </a:lnSpc>
        <a:spcBef>
          <a:spcPts val="1800"/>
        </a:spcBef>
        <a:spcAft>
          <a:spcPts val="0"/>
        </a:spcAft>
        <a:buFont typeface="Arial" panose="020B0604020202020204" pitchFamily="34" charset="0"/>
        <a:buChar char="​"/>
        <a:defRPr sz="1400" b="1" kern="1200">
          <a:solidFill>
            <a:schemeClr val="tx2"/>
          </a:solidFill>
          <a:latin typeface="+mn-lt"/>
          <a:ea typeface="+mn-ea"/>
          <a:cs typeface="+mn-cs"/>
        </a:defRPr>
      </a:lvl4pPr>
      <a:lvl5pPr marL="0" indent="0" algn="l" defTabSz="914400" rtl="0" eaLnBrk="1" latinLnBrk="0" hangingPunct="1">
        <a:lnSpc>
          <a:spcPct val="120000"/>
        </a:lnSpc>
        <a:spcBef>
          <a:spcPts val="300"/>
        </a:spcBef>
        <a:spcAft>
          <a:spcPts val="1200"/>
        </a:spcAft>
        <a:buFont typeface="Arial" panose="020B0604020202020204" pitchFamily="34" charset="0"/>
        <a:buChar char="​"/>
        <a:tabLst/>
        <a:defRPr sz="1400" kern="1200">
          <a:solidFill>
            <a:schemeClr val="tx2"/>
          </a:solidFill>
          <a:latin typeface="+mn-lt"/>
          <a:ea typeface="+mn-ea"/>
          <a:cs typeface="+mn-cs"/>
        </a:defRPr>
      </a:lvl5pPr>
      <a:lvl6pPr marL="108000" indent="-108000" algn="l" defTabSz="914400" rtl="0" eaLnBrk="1" latinLnBrk="0" hangingPunct="1">
        <a:lnSpc>
          <a:spcPct val="9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90000"/>
        </a:lnSpc>
        <a:spcBef>
          <a:spcPts val="300"/>
        </a:spcBef>
        <a:spcAft>
          <a:spcPts val="600"/>
        </a:spcAft>
        <a:buFont typeface="Arial" panose="020B060402020202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90000"/>
        </a:lnSpc>
        <a:spcBef>
          <a:spcPts val="300"/>
        </a:spcBef>
        <a:spcAft>
          <a:spcPts val="600"/>
        </a:spcAft>
        <a:buFont typeface="Arial" panose="020B0604020202020204" pitchFamily="34" charset="0"/>
        <a:buChar char="​"/>
        <a:defRPr sz="1000" kern="1200">
          <a:solidFill>
            <a:schemeClr val="tx2"/>
          </a:solidFill>
          <a:latin typeface="+mn-lt"/>
          <a:ea typeface="+mn-ea"/>
          <a:cs typeface="+mn-cs"/>
        </a:defRPr>
      </a:lvl8pPr>
      <a:lvl9pPr marL="0" indent="0" algn="l" defTabSz="914400" rtl="0" eaLnBrk="1" latinLnBrk="0" hangingPunct="1">
        <a:lnSpc>
          <a:spcPct val="86000"/>
        </a:lnSpc>
        <a:spcBef>
          <a:spcPts val="300"/>
        </a:spcBef>
        <a:spcAft>
          <a:spcPts val="0"/>
        </a:spcAft>
        <a:buFont typeface="Arial" panose="020B0604020202020204" pitchFamily="34" charset="0"/>
        <a:buChar char="​"/>
        <a:defRPr sz="6000" b="1" kern="1200" spc="-150" baseline="0">
          <a:solidFill>
            <a:schemeClr val="tx2"/>
          </a:solidFill>
          <a:latin typeface="Arial Black" panose="020B0A04020102020204" pitchFamily="34" charset="0"/>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F26B43"/>
          </p15:clr>
        </p15:guide>
        <p15:guide id="2" pos="725" userDrawn="1">
          <p15:clr>
            <a:srgbClr val="A4A3A4"/>
          </p15:clr>
        </p15:guide>
        <p15:guide id="3" orient="horz" pos="185" userDrawn="1">
          <p15:clr>
            <a:srgbClr val="F26B43"/>
          </p15:clr>
        </p15:guide>
        <p15:guide id="4" orient="horz" pos="4107" userDrawn="1">
          <p15:clr>
            <a:srgbClr val="A4A3A4"/>
          </p15:clr>
        </p15:guide>
        <p15:guide id="6" pos="4394" userDrawn="1">
          <p15:clr>
            <a:srgbClr val="A4A3A4"/>
          </p15:clr>
        </p15:guide>
        <p15:guide id="7" pos="839" userDrawn="1">
          <p15:clr>
            <a:srgbClr val="A4A3A4"/>
          </p15:clr>
        </p15:guide>
        <p15:guide id="9" pos="2673" userDrawn="1">
          <p15:clr>
            <a:srgbClr val="A4A3A4"/>
          </p15:clr>
        </p15:guide>
        <p15:guide id="10" pos="3172" userDrawn="1">
          <p15:clr>
            <a:srgbClr val="A4A3A4"/>
          </p15:clr>
        </p15:guide>
        <p15:guide id="11" pos="6229" userDrawn="1">
          <p15:clr>
            <a:srgbClr val="A4A3A4"/>
          </p15:clr>
        </p15:guide>
        <p15:guide id="13" pos="6840" userDrawn="1">
          <p15:clr>
            <a:srgbClr val="A4A3A4"/>
          </p15:clr>
        </p15:guide>
        <p15:guide id="16" pos="5120" userDrawn="1">
          <p15:clr>
            <a:srgbClr val="A4A3A4"/>
          </p15:clr>
        </p15:guide>
        <p15:guide id="17" pos="3285" userDrawn="1">
          <p15:clr>
            <a:srgbClr val="A4A3A4"/>
          </p15:clr>
        </p15:guide>
        <p15:guide id="18" pos="3784" userDrawn="1">
          <p15:clr>
            <a:srgbClr val="A4A3A4"/>
          </p15:clr>
        </p15:guide>
        <p15:guide id="20" pos="1948" userDrawn="1">
          <p15:clr>
            <a:srgbClr val="A4A3A4"/>
          </p15:clr>
        </p15:guide>
        <p15:guide id="21" pos="6952" userDrawn="1">
          <p15:clr>
            <a:srgbClr val="A4A3A4"/>
          </p15:clr>
        </p15:guide>
        <p15:guide id="22" pos="7451" userDrawn="1">
          <p15:clr>
            <a:srgbClr val="F26B43"/>
          </p15:clr>
        </p15:guide>
        <p15:guide id="23" pos="2062" userDrawn="1">
          <p15:clr>
            <a:srgbClr val="A4A3A4"/>
          </p15:clr>
        </p15:guide>
        <p15:guide id="24" pos="2560" userDrawn="1">
          <p15:clr>
            <a:srgbClr val="A4A3A4"/>
          </p15:clr>
        </p15:guide>
        <p15:guide id="26" pos="6342" userDrawn="1">
          <p15:clr>
            <a:srgbClr val="A4A3A4"/>
          </p15:clr>
        </p15:guide>
        <p15:guide id="28" pos="5007" userDrawn="1">
          <p15:clr>
            <a:srgbClr val="A4A3A4"/>
          </p15:clr>
        </p15:guide>
        <p15:guide id="29" pos="4509" userDrawn="1">
          <p15:clr>
            <a:srgbClr val="A4A3A4"/>
          </p15:clr>
        </p15:guide>
        <p15:guide id="30" pos="3897" userDrawn="1">
          <p15:clr>
            <a:srgbClr val="A4A3A4"/>
          </p15:clr>
        </p15:guide>
        <p15:guide id="31" pos="5731" userDrawn="1">
          <p15:clr>
            <a:srgbClr val="A4A3A4"/>
          </p15:clr>
        </p15:guide>
        <p15:guide id="32" pos="5617" userDrawn="1">
          <p15:clr>
            <a:srgbClr val="A4A3A4"/>
          </p15:clr>
        </p15:guide>
        <p15:guide id="33" pos="1337" userDrawn="1">
          <p15:clr>
            <a:srgbClr val="A4A3A4"/>
          </p15:clr>
        </p15:guide>
        <p15:guide id="34" pos="1451" userDrawn="1">
          <p15:clr>
            <a:srgbClr val="A4A3A4"/>
          </p15:clr>
        </p15:guide>
        <p15:guide id="35" orient="horz" pos="3621"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5.xml"/></Relationships>
</file>

<file path=ppt/slides/_rels/slide2.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2.xml"/><Relationship Id="rId1" Type="http://schemas.openxmlformats.org/officeDocument/2006/relationships/slideLayout" Target="../slideLayouts/slideLayout29.xml"/><Relationship Id="rId6" Type="http://schemas.openxmlformats.org/officeDocument/2006/relationships/hyperlink" Target="http://www.evicore.com/" TargetMode="External"/><Relationship Id="rId5" Type="http://schemas.openxmlformats.org/officeDocument/2006/relationships/image" Target="../media/image25.png"/><Relationship Id="rId4" Type="http://schemas.openxmlformats.org/officeDocument/2006/relationships/image" Target="../media/image24.png"/></Relationships>
</file>

<file path=ppt/slides/_rels/slide3.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3.xml"/><Relationship Id="rId1" Type="http://schemas.openxmlformats.org/officeDocument/2006/relationships/slideLayout" Target="../slideLayouts/slideLayout29.xml"/><Relationship Id="rId4" Type="http://schemas.openxmlformats.org/officeDocument/2006/relationships/image" Target="../media/image27.png"/></Relationships>
</file>

<file path=ppt/slides/_rels/slide4.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4.xml"/><Relationship Id="rId1" Type="http://schemas.openxmlformats.org/officeDocument/2006/relationships/slideLayout" Target="../slideLayouts/slideLayout29.xml"/><Relationship Id="rId4" Type="http://schemas.openxmlformats.org/officeDocument/2006/relationships/image" Target="../media/image29.png"/></Relationships>
</file>

<file path=ppt/slides/_rels/slide5.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5.xml"/><Relationship Id="rId1" Type="http://schemas.openxmlformats.org/officeDocument/2006/relationships/slideLayout" Target="../slideLayouts/slideLayout29.xml"/><Relationship Id="rId4" Type="http://schemas.openxmlformats.org/officeDocument/2006/relationships/image" Target="../media/image31.png"/></Relationships>
</file>

<file path=ppt/slides/_rels/slide6.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6.xml"/><Relationship Id="rId1" Type="http://schemas.openxmlformats.org/officeDocument/2006/relationships/slideLayout" Target="../slideLayouts/slideLayout29.xml"/></Relationships>
</file>

<file path=ppt/slides/_rels/slide7.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7.xml"/><Relationship Id="rId1" Type="http://schemas.openxmlformats.org/officeDocument/2006/relationships/slideLayout" Target="../slideLayouts/slideLayout29.xml"/></Relationships>
</file>

<file path=ppt/slides/_rels/slide8.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8.xml"/><Relationship Id="rId1" Type="http://schemas.openxmlformats.org/officeDocument/2006/relationships/slideLayout" Target="../slideLayouts/slideLayout2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ctrTitle"/>
          </p:nvPr>
        </p:nvSpPr>
        <p:spPr/>
        <p:txBody>
          <a:bodyPr/>
          <a:lstStyle/>
          <a:p>
            <a:r>
              <a:rPr lang="en-US" dirty="0"/>
              <a:t>Peer-to-Peer</a:t>
            </a:r>
            <a:r>
              <a:rPr lang="en-US" sz="5400" dirty="0"/>
              <a:t> (P2P) </a:t>
            </a:r>
            <a:br>
              <a:rPr lang="en-US" sz="5400" dirty="0"/>
            </a:br>
            <a:r>
              <a:rPr lang="en-US" sz="5400" dirty="0"/>
              <a:t>Scheduling Tool</a:t>
            </a:r>
          </a:p>
        </p:txBody>
      </p:sp>
    </p:spTree>
    <p:extLst>
      <p:ext uri="{BB962C8B-B14F-4D97-AF65-F5344CB8AC3E}">
        <p14:creationId xmlns:p14="http://schemas.microsoft.com/office/powerpoint/2010/main" val="400249914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E7750EFC-8376-94DC-9F6C-12B312E37A69}"/>
              </a:ext>
            </a:extLst>
          </p:cNvPr>
          <p:cNvSpPr/>
          <p:nvPr/>
        </p:nvSpPr>
        <p:spPr>
          <a:xfrm>
            <a:off x="3507129" y="0"/>
            <a:ext cx="8684871"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9" name="Group 8">
            <a:extLst>
              <a:ext uri="{FF2B5EF4-FFF2-40B4-BE49-F238E27FC236}">
                <a16:creationId xmlns:a16="http://schemas.microsoft.com/office/drawing/2014/main" id="{AD206D8D-9A82-6C23-589C-C0062D1DF7E2}"/>
              </a:ext>
            </a:extLst>
          </p:cNvPr>
          <p:cNvGrpSpPr/>
          <p:nvPr/>
        </p:nvGrpSpPr>
        <p:grpSpPr>
          <a:xfrm>
            <a:off x="5191144" y="360622"/>
            <a:ext cx="6646544" cy="1399497"/>
            <a:chOff x="5036396" y="453220"/>
            <a:chExt cx="6646544" cy="1399497"/>
          </a:xfrm>
          <a:solidFill>
            <a:schemeClr val="accent2"/>
          </a:solidFill>
        </p:grpSpPr>
        <p:sp>
          <p:nvSpPr>
            <p:cNvPr id="10" name="Freeform: Shape 24">
              <a:extLst>
                <a:ext uri="{FF2B5EF4-FFF2-40B4-BE49-F238E27FC236}">
                  <a16:creationId xmlns:a16="http://schemas.microsoft.com/office/drawing/2014/main" id="{F8F74DCB-2250-8F10-7A78-0F83E8166FB2}"/>
                </a:ext>
              </a:extLst>
            </p:cNvPr>
            <p:cNvSpPr/>
            <p:nvPr/>
          </p:nvSpPr>
          <p:spPr>
            <a:xfrm>
              <a:off x="8971745"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6999" y="0"/>
                  </a:lnTo>
                  <a:lnTo>
                    <a:pt x="36999" y="36999"/>
                  </a:lnTo>
                  <a:lnTo>
                    <a:pt x="0" y="36999"/>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1" name="Freeform: Shape 26">
              <a:extLst>
                <a:ext uri="{FF2B5EF4-FFF2-40B4-BE49-F238E27FC236}">
                  <a16:creationId xmlns:a16="http://schemas.microsoft.com/office/drawing/2014/main" id="{8A8E6D1B-500D-24AE-3EFE-50D06D731983}"/>
                </a:ext>
              </a:extLst>
            </p:cNvPr>
            <p:cNvSpPr/>
            <p:nvPr/>
          </p:nvSpPr>
          <p:spPr>
            <a:xfrm>
              <a:off x="8971745"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6999" y="0"/>
                  </a:lnTo>
                  <a:lnTo>
                    <a:pt x="36999" y="37042"/>
                  </a:lnTo>
                  <a:lnTo>
                    <a:pt x="0" y="37042"/>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2" name="Freeform: Shape 27">
              <a:extLst>
                <a:ext uri="{FF2B5EF4-FFF2-40B4-BE49-F238E27FC236}">
                  <a16:creationId xmlns:a16="http://schemas.microsoft.com/office/drawing/2014/main" id="{324741CF-9683-D8BF-CE4E-6E72D63A0820}"/>
                </a:ext>
              </a:extLst>
            </p:cNvPr>
            <p:cNvSpPr/>
            <p:nvPr/>
          </p:nvSpPr>
          <p:spPr>
            <a:xfrm>
              <a:off x="8971745"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6999" y="0"/>
                  </a:lnTo>
                  <a:lnTo>
                    <a:pt x="36999" y="36999"/>
                  </a:lnTo>
                  <a:lnTo>
                    <a:pt x="0" y="36999"/>
                  </a:lnTo>
                  <a:lnTo>
                    <a:pt x="0" y="50461"/>
                  </a:lnTo>
                  <a:lnTo>
                    <a:pt x="36999" y="50461"/>
                  </a:lnTo>
                  <a:lnTo>
                    <a:pt x="36999" y="87503"/>
                  </a:lnTo>
                  <a:lnTo>
                    <a:pt x="50503" y="87503"/>
                  </a:lnTo>
                  <a:close/>
                </a:path>
              </a:pathLst>
            </a:custGeom>
            <a:grpFill/>
            <a:ln w="0" cap="flat">
              <a:noFill/>
              <a:prstDash val="solid"/>
              <a:miter/>
            </a:ln>
          </p:spPr>
          <p:txBody>
            <a:bodyPr rtlCol="0" anchor="ctr"/>
            <a:lstStyle/>
            <a:p>
              <a:endParaRPr lang="en-US"/>
            </a:p>
          </p:txBody>
        </p:sp>
        <p:sp>
          <p:nvSpPr>
            <p:cNvPr id="13" name="Freeform: Shape 28">
              <a:extLst>
                <a:ext uri="{FF2B5EF4-FFF2-40B4-BE49-F238E27FC236}">
                  <a16:creationId xmlns:a16="http://schemas.microsoft.com/office/drawing/2014/main" id="{98B339C7-0DC7-B763-F23E-492B86155C5D}"/>
                </a:ext>
              </a:extLst>
            </p:cNvPr>
            <p:cNvSpPr/>
            <p:nvPr/>
          </p:nvSpPr>
          <p:spPr>
            <a:xfrm>
              <a:off x="8315832" y="453220"/>
              <a:ext cx="87545" cy="87503"/>
            </a:xfrm>
            <a:custGeom>
              <a:avLst/>
              <a:gdLst>
                <a:gd name="connsiteX0" fmla="*/ 50504 w 87545"/>
                <a:gd name="connsiteY0" fmla="*/ 87503 h 87503"/>
                <a:gd name="connsiteX1" fmla="*/ 50504 w 87545"/>
                <a:gd name="connsiteY1" fmla="*/ 50504 h 87503"/>
                <a:gd name="connsiteX2" fmla="*/ 87546 w 87545"/>
                <a:gd name="connsiteY2" fmla="*/ 50504 h 87503"/>
                <a:gd name="connsiteX3" fmla="*/ 87546 w 87545"/>
                <a:gd name="connsiteY3" fmla="*/ 36999 h 87503"/>
                <a:gd name="connsiteX4" fmla="*/ 50504 w 87545"/>
                <a:gd name="connsiteY4" fmla="*/ 36999 h 87503"/>
                <a:gd name="connsiteX5" fmla="*/ 50504 w 87545"/>
                <a:gd name="connsiteY5" fmla="*/ 0 h 87503"/>
                <a:gd name="connsiteX6" fmla="*/ 37042 w 87545"/>
                <a:gd name="connsiteY6" fmla="*/ 0 h 87503"/>
                <a:gd name="connsiteX7" fmla="*/ 37042 w 87545"/>
                <a:gd name="connsiteY7" fmla="*/ 36999 h 87503"/>
                <a:gd name="connsiteX8" fmla="*/ 0 w 87545"/>
                <a:gd name="connsiteY8" fmla="*/ 36999 h 87503"/>
                <a:gd name="connsiteX9" fmla="*/ 0 w 87545"/>
                <a:gd name="connsiteY9" fmla="*/ 50504 h 87503"/>
                <a:gd name="connsiteX10" fmla="*/ 37042 w 87545"/>
                <a:gd name="connsiteY10" fmla="*/ 50504 h 87503"/>
                <a:gd name="connsiteX11" fmla="*/ 37042 w 87545"/>
                <a:gd name="connsiteY11" fmla="*/ 87503 h 87503"/>
                <a:gd name="connsiteX12" fmla="*/ 50504 w 87545"/>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4" name="Freeform: Shape 29">
              <a:extLst>
                <a:ext uri="{FF2B5EF4-FFF2-40B4-BE49-F238E27FC236}">
                  <a16:creationId xmlns:a16="http://schemas.microsoft.com/office/drawing/2014/main" id="{11451425-7793-2869-6004-6C4ACA9210D6}"/>
                </a:ext>
              </a:extLst>
            </p:cNvPr>
            <p:cNvSpPr/>
            <p:nvPr/>
          </p:nvSpPr>
          <p:spPr>
            <a:xfrm>
              <a:off x="8315832" y="1108879"/>
              <a:ext cx="87545" cy="87502"/>
            </a:xfrm>
            <a:custGeom>
              <a:avLst/>
              <a:gdLst>
                <a:gd name="connsiteX0" fmla="*/ 50504 w 87545"/>
                <a:gd name="connsiteY0" fmla="*/ 87503 h 87502"/>
                <a:gd name="connsiteX1" fmla="*/ 50504 w 87545"/>
                <a:gd name="connsiteY1" fmla="*/ 50504 h 87502"/>
                <a:gd name="connsiteX2" fmla="*/ 87546 w 87545"/>
                <a:gd name="connsiteY2" fmla="*/ 50504 h 87502"/>
                <a:gd name="connsiteX3" fmla="*/ 87546 w 87545"/>
                <a:gd name="connsiteY3" fmla="*/ 37042 h 87502"/>
                <a:gd name="connsiteX4" fmla="*/ 50504 w 87545"/>
                <a:gd name="connsiteY4" fmla="*/ 37042 h 87502"/>
                <a:gd name="connsiteX5" fmla="*/ 50504 w 87545"/>
                <a:gd name="connsiteY5" fmla="*/ 0 h 87502"/>
                <a:gd name="connsiteX6" fmla="*/ 37042 w 87545"/>
                <a:gd name="connsiteY6" fmla="*/ 0 h 87502"/>
                <a:gd name="connsiteX7" fmla="*/ 37042 w 87545"/>
                <a:gd name="connsiteY7" fmla="*/ 37042 h 87502"/>
                <a:gd name="connsiteX8" fmla="*/ 0 w 87545"/>
                <a:gd name="connsiteY8" fmla="*/ 37042 h 87502"/>
                <a:gd name="connsiteX9" fmla="*/ 0 w 87545"/>
                <a:gd name="connsiteY9" fmla="*/ 50504 h 87502"/>
                <a:gd name="connsiteX10" fmla="*/ 37042 w 87545"/>
                <a:gd name="connsiteY10" fmla="*/ 50504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5" name="Freeform: Shape 30">
              <a:extLst>
                <a:ext uri="{FF2B5EF4-FFF2-40B4-BE49-F238E27FC236}">
                  <a16:creationId xmlns:a16="http://schemas.microsoft.com/office/drawing/2014/main" id="{1E8E1050-B1C0-E253-FFF8-DB1DCA6832F2}"/>
                </a:ext>
              </a:extLst>
            </p:cNvPr>
            <p:cNvSpPr/>
            <p:nvPr/>
          </p:nvSpPr>
          <p:spPr>
            <a:xfrm>
              <a:off x="8315832" y="1765215"/>
              <a:ext cx="87545" cy="87502"/>
            </a:xfrm>
            <a:custGeom>
              <a:avLst/>
              <a:gdLst>
                <a:gd name="connsiteX0" fmla="*/ 50504 w 87545"/>
                <a:gd name="connsiteY0" fmla="*/ 87503 h 87502"/>
                <a:gd name="connsiteX1" fmla="*/ 50504 w 87545"/>
                <a:gd name="connsiteY1" fmla="*/ 50461 h 87502"/>
                <a:gd name="connsiteX2" fmla="*/ 87546 w 87545"/>
                <a:gd name="connsiteY2" fmla="*/ 50461 h 87502"/>
                <a:gd name="connsiteX3" fmla="*/ 87546 w 87545"/>
                <a:gd name="connsiteY3" fmla="*/ 36999 h 87502"/>
                <a:gd name="connsiteX4" fmla="*/ 50504 w 87545"/>
                <a:gd name="connsiteY4" fmla="*/ 36999 h 87502"/>
                <a:gd name="connsiteX5" fmla="*/ 50504 w 87545"/>
                <a:gd name="connsiteY5" fmla="*/ 0 h 87502"/>
                <a:gd name="connsiteX6" fmla="*/ 37042 w 87545"/>
                <a:gd name="connsiteY6" fmla="*/ 0 h 87502"/>
                <a:gd name="connsiteX7" fmla="*/ 37042 w 87545"/>
                <a:gd name="connsiteY7" fmla="*/ 36999 h 87502"/>
                <a:gd name="connsiteX8" fmla="*/ 0 w 87545"/>
                <a:gd name="connsiteY8" fmla="*/ 36999 h 87502"/>
                <a:gd name="connsiteX9" fmla="*/ 0 w 87545"/>
                <a:gd name="connsiteY9" fmla="*/ 50461 h 87502"/>
                <a:gd name="connsiteX10" fmla="*/ 37042 w 87545"/>
                <a:gd name="connsiteY10" fmla="*/ 50461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16" name="Freeform: Shape 31">
              <a:extLst>
                <a:ext uri="{FF2B5EF4-FFF2-40B4-BE49-F238E27FC236}">
                  <a16:creationId xmlns:a16="http://schemas.microsoft.com/office/drawing/2014/main" id="{4E356DE1-D8BB-CDDE-6361-434184BCFAC7}"/>
                </a:ext>
              </a:extLst>
            </p:cNvPr>
            <p:cNvSpPr/>
            <p:nvPr/>
          </p:nvSpPr>
          <p:spPr>
            <a:xfrm>
              <a:off x="7659962"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0" name="Freeform: Shape 32">
              <a:extLst>
                <a:ext uri="{FF2B5EF4-FFF2-40B4-BE49-F238E27FC236}">
                  <a16:creationId xmlns:a16="http://schemas.microsoft.com/office/drawing/2014/main" id="{F9CEC8C0-B5BE-6298-BA81-2D46CA1FED31}"/>
                </a:ext>
              </a:extLst>
            </p:cNvPr>
            <p:cNvSpPr/>
            <p:nvPr/>
          </p:nvSpPr>
          <p:spPr>
            <a:xfrm>
              <a:off x="7659962"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2" name="Freeform: Shape 33">
              <a:extLst>
                <a:ext uri="{FF2B5EF4-FFF2-40B4-BE49-F238E27FC236}">
                  <a16:creationId xmlns:a16="http://schemas.microsoft.com/office/drawing/2014/main" id="{C87EE4F3-2C4C-68F6-BD27-3AC8FE1EB11D}"/>
                </a:ext>
              </a:extLst>
            </p:cNvPr>
            <p:cNvSpPr/>
            <p:nvPr/>
          </p:nvSpPr>
          <p:spPr>
            <a:xfrm>
              <a:off x="7659962"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3" name="Freeform: Shape 37">
              <a:extLst>
                <a:ext uri="{FF2B5EF4-FFF2-40B4-BE49-F238E27FC236}">
                  <a16:creationId xmlns:a16="http://schemas.microsoft.com/office/drawing/2014/main" id="{D8CBCF19-5BFE-C371-6908-50C4731432B5}"/>
                </a:ext>
              </a:extLst>
            </p:cNvPr>
            <p:cNvSpPr/>
            <p:nvPr/>
          </p:nvSpPr>
          <p:spPr>
            <a:xfrm>
              <a:off x="7004049"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4" name="Freeform: Shape 38">
              <a:extLst>
                <a:ext uri="{FF2B5EF4-FFF2-40B4-BE49-F238E27FC236}">
                  <a16:creationId xmlns:a16="http://schemas.microsoft.com/office/drawing/2014/main" id="{6C1901D3-C580-E60C-4197-D633BF8CA7EC}"/>
                </a:ext>
              </a:extLst>
            </p:cNvPr>
            <p:cNvSpPr/>
            <p:nvPr/>
          </p:nvSpPr>
          <p:spPr>
            <a:xfrm>
              <a:off x="7004049"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5" name="Freeform: Shape 39">
              <a:extLst>
                <a:ext uri="{FF2B5EF4-FFF2-40B4-BE49-F238E27FC236}">
                  <a16:creationId xmlns:a16="http://schemas.microsoft.com/office/drawing/2014/main" id="{01DA2707-20EC-169E-76B1-F5DEBB2B2578}"/>
                </a:ext>
              </a:extLst>
            </p:cNvPr>
            <p:cNvSpPr/>
            <p:nvPr/>
          </p:nvSpPr>
          <p:spPr>
            <a:xfrm>
              <a:off x="7004049"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26" name="Freeform: Shape 40">
              <a:extLst>
                <a:ext uri="{FF2B5EF4-FFF2-40B4-BE49-F238E27FC236}">
                  <a16:creationId xmlns:a16="http://schemas.microsoft.com/office/drawing/2014/main" id="{F8CD473D-5D20-C983-C914-D18810C6FB66}"/>
                </a:ext>
              </a:extLst>
            </p:cNvPr>
            <p:cNvSpPr/>
            <p:nvPr/>
          </p:nvSpPr>
          <p:spPr>
            <a:xfrm>
              <a:off x="6348179"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7" name="Freeform: Shape 41">
              <a:extLst>
                <a:ext uri="{FF2B5EF4-FFF2-40B4-BE49-F238E27FC236}">
                  <a16:creationId xmlns:a16="http://schemas.microsoft.com/office/drawing/2014/main" id="{7CE98A53-060A-4302-211D-C5EBE6929748}"/>
                </a:ext>
              </a:extLst>
            </p:cNvPr>
            <p:cNvSpPr/>
            <p:nvPr/>
          </p:nvSpPr>
          <p:spPr>
            <a:xfrm>
              <a:off x="6348179"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8" name="Freeform: Shape 42">
              <a:extLst>
                <a:ext uri="{FF2B5EF4-FFF2-40B4-BE49-F238E27FC236}">
                  <a16:creationId xmlns:a16="http://schemas.microsoft.com/office/drawing/2014/main" id="{6FFE7447-B075-E7BE-1AB1-79B083D4E5F2}"/>
                </a:ext>
              </a:extLst>
            </p:cNvPr>
            <p:cNvSpPr/>
            <p:nvPr/>
          </p:nvSpPr>
          <p:spPr>
            <a:xfrm>
              <a:off x="6348179"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31" name="Freeform: Shape 43">
              <a:extLst>
                <a:ext uri="{FF2B5EF4-FFF2-40B4-BE49-F238E27FC236}">
                  <a16:creationId xmlns:a16="http://schemas.microsoft.com/office/drawing/2014/main" id="{FF99819A-5572-6631-DE16-F9ACC6E26C0A}"/>
                </a:ext>
              </a:extLst>
            </p:cNvPr>
            <p:cNvSpPr/>
            <p:nvPr/>
          </p:nvSpPr>
          <p:spPr>
            <a:xfrm>
              <a:off x="5692267"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3" name="Freeform: Shape 44">
              <a:extLst>
                <a:ext uri="{FF2B5EF4-FFF2-40B4-BE49-F238E27FC236}">
                  <a16:creationId xmlns:a16="http://schemas.microsoft.com/office/drawing/2014/main" id="{85B86C02-F721-23F0-76D6-E82C0CD15B7D}"/>
                </a:ext>
              </a:extLst>
            </p:cNvPr>
            <p:cNvSpPr/>
            <p:nvPr/>
          </p:nvSpPr>
          <p:spPr>
            <a:xfrm>
              <a:off x="5692267"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4" name="Freeform: Shape 45">
              <a:extLst>
                <a:ext uri="{FF2B5EF4-FFF2-40B4-BE49-F238E27FC236}">
                  <a16:creationId xmlns:a16="http://schemas.microsoft.com/office/drawing/2014/main" id="{C1CBCBC1-4FE7-65CE-E2C9-32FF88D0F594}"/>
                </a:ext>
              </a:extLst>
            </p:cNvPr>
            <p:cNvSpPr/>
            <p:nvPr/>
          </p:nvSpPr>
          <p:spPr>
            <a:xfrm>
              <a:off x="5692267"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35" name="Freeform: Shape 46">
              <a:extLst>
                <a:ext uri="{FF2B5EF4-FFF2-40B4-BE49-F238E27FC236}">
                  <a16:creationId xmlns:a16="http://schemas.microsoft.com/office/drawing/2014/main" id="{D1B8E366-A325-232E-269F-4C220FBFD681}"/>
                </a:ext>
              </a:extLst>
            </p:cNvPr>
            <p:cNvSpPr/>
            <p:nvPr/>
          </p:nvSpPr>
          <p:spPr>
            <a:xfrm>
              <a:off x="5036396"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6" name="Freeform: Shape 47">
              <a:extLst>
                <a:ext uri="{FF2B5EF4-FFF2-40B4-BE49-F238E27FC236}">
                  <a16:creationId xmlns:a16="http://schemas.microsoft.com/office/drawing/2014/main" id="{EF60DB12-F958-4DA9-C9CB-7C46566CC39B}"/>
                </a:ext>
              </a:extLst>
            </p:cNvPr>
            <p:cNvSpPr/>
            <p:nvPr/>
          </p:nvSpPr>
          <p:spPr>
            <a:xfrm>
              <a:off x="5036396"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8" name="Freeform: Shape 48">
              <a:extLst>
                <a:ext uri="{FF2B5EF4-FFF2-40B4-BE49-F238E27FC236}">
                  <a16:creationId xmlns:a16="http://schemas.microsoft.com/office/drawing/2014/main" id="{B1069394-2C8C-7A30-260C-9D9F98ADF63B}"/>
                </a:ext>
              </a:extLst>
            </p:cNvPr>
            <p:cNvSpPr/>
            <p:nvPr/>
          </p:nvSpPr>
          <p:spPr>
            <a:xfrm>
              <a:off x="5036396"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39" name="Freeform: Shape 73">
              <a:extLst>
                <a:ext uri="{FF2B5EF4-FFF2-40B4-BE49-F238E27FC236}">
                  <a16:creationId xmlns:a16="http://schemas.microsoft.com/office/drawing/2014/main" id="{92BF0B25-6633-0398-FB8A-11E2768A7992}"/>
                </a:ext>
              </a:extLst>
            </p:cNvPr>
            <p:cNvSpPr/>
            <p:nvPr/>
          </p:nvSpPr>
          <p:spPr>
            <a:xfrm>
              <a:off x="9627658"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7042 w 87502"/>
                <a:gd name="connsiteY6" fmla="*/ 0 h 87503"/>
                <a:gd name="connsiteX7" fmla="*/ 37042 w 87502"/>
                <a:gd name="connsiteY7" fmla="*/ 36999 h 87503"/>
                <a:gd name="connsiteX8" fmla="*/ 0 w 87502"/>
                <a:gd name="connsiteY8" fmla="*/ 36999 h 87503"/>
                <a:gd name="connsiteX9" fmla="*/ 0 w 87502"/>
                <a:gd name="connsiteY9" fmla="*/ 50504 h 87503"/>
                <a:gd name="connsiteX10" fmla="*/ 37042 w 87502"/>
                <a:gd name="connsiteY10" fmla="*/ 50504 h 87503"/>
                <a:gd name="connsiteX11" fmla="*/ 37042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7042" y="0"/>
                  </a:lnTo>
                  <a:lnTo>
                    <a:pt x="37042" y="36999"/>
                  </a:lnTo>
                  <a:lnTo>
                    <a:pt x="0" y="36999"/>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40" name="Freeform: Shape 74">
              <a:extLst>
                <a:ext uri="{FF2B5EF4-FFF2-40B4-BE49-F238E27FC236}">
                  <a16:creationId xmlns:a16="http://schemas.microsoft.com/office/drawing/2014/main" id="{3B44608E-0DC0-CD78-3AFB-2AD73098ECE5}"/>
                </a:ext>
              </a:extLst>
            </p:cNvPr>
            <p:cNvSpPr/>
            <p:nvPr/>
          </p:nvSpPr>
          <p:spPr>
            <a:xfrm>
              <a:off x="9627658"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7042 w 87502"/>
                <a:gd name="connsiteY6" fmla="*/ 0 h 87502"/>
                <a:gd name="connsiteX7" fmla="*/ 37042 w 87502"/>
                <a:gd name="connsiteY7" fmla="*/ 37042 h 87502"/>
                <a:gd name="connsiteX8" fmla="*/ 0 w 87502"/>
                <a:gd name="connsiteY8" fmla="*/ 37042 h 87502"/>
                <a:gd name="connsiteX9" fmla="*/ 0 w 87502"/>
                <a:gd name="connsiteY9" fmla="*/ 50504 h 87502"/>
                <a:gd name="connsiteX10" fmla="*/ 37042 w 87502"/>
                <a:gd name="connsiteY10" fmla="*/ 50504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7042" y="0"/>
                  </a:lnTo>
                  <a:lnTo>
                    <a:pt x="37042" y="37042"/>
                  </a:lnTo>
                  <a:lnTo>
                    <a:pt x="0" y="37042"/>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41" name="Freeform: Shape 75">
              <a:extLst>
                <a:ext uri="{FF2B5EF4-FFF2-40B4-BE49-F238E27FC236}">
                  <a16:creationId xmlns:a16="http://schemas.microsoft.com/office/drawing/2014/main" id="{D1E1E416-EB1E-91BD-A3F9-27FE04C1A0BF}"/>
                </a:ext>
              </a:extLst>
            </p:cNvPr>
            <p:cNvSpPr/>
            <p:nvPr/>
          </p:nvSpPr>
          <p:spPr>
            <a:xfrm>
              <a:off x="9627658"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7042 w 87502"/>
                <a:gd name="connsiteY6" fmla="*/ 0 h 87502"/>
                <a:gd name="connsiteX7" fmla="*/ 37042 w 87502"/>
                <a:gd name="connsiteY7" fmla="*/ 36999 h 87502"/>
                <a:gd name="connsiteX8" fmla="*/ 0 w 87502"/>
                <a:gd name="connsiteY8" fmla="*/ 36999 h 87502"/>
                <a:gd name="connsiteX9" fmla="*/ 0 w 87502"/>
                <a:gd name="connsiteY9" fmla="*/ 50461 h 87502"/>
                <a:gd name="connsiteX10" fmla="*/ 37042 w 87502"/>
                <a:gd name="connsiteY10" fmla="*/ 50461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7042" y="0"/>
                  </a:lnTo>
                  <a:lnTo>
                    <a:pt x="37042" y="36999"/>
                  </a:lnTo>
                  <a:lnTo>
                    <a:pt x="0" y="36999"/>
                  </a:lnTo>
                  <a:lnTo>
                    <a:pt x="0" y="50461"/>
                  </a:lnTo>
                  <a:lnTo>
                    <a:pt x="37042" y="50461"/>
                  </a:lnTo>
                  <a:lnTo>
                    <a:pt x="37042" y="87503"/>
                  </a:lnTo>
                  <a:lnTo>
                    <a:pt x="50503" y="87503"/>
                  </a:lnTo>
                  <a:close/>
                </a:path>
              </a:pathLst>
            </a:custGeom>
            <a:grpFill/>
            <a:ln w="0" cap="flat">
              <a:noFill/>
              <a:prstDash val="solid"/>
              <a:miter/>
            </a:ln>
          </p:spPr>
          <p:txBody>
            <a:bodyPr rtlCol="0" anchor="ctr"/>
            <a:lstStyle/>
            <a:p>
              <a:endParaRPr lang="en-US"/>
            </a:p>
          </p:txBody>
        </p:sp>
        <p:sp>
          <p:nvSpPr>
            <p:cNvPr id="42" name="Freeform: Shape 76">
              <a:extLst>
                <a:ext uri="{FF2B5EF4-FFF2-40B4-BE49-F238E27FC236}">
                  <a16:creationId xmlns:a16="http://schemas.microsoft.com/office/drawing/2014/main" id="{75A331ED-7BA3-CA6A-62B9-B093273E8BE1}"/>
                </a:ext>
              </a:extLst>
            </p:cNvPr>
            <p:cNvSpPr/>
            <p:nvPr/>
          </p:nvSpPr>
          <p:spPr>
            <a:xfrm>
              <a:off x="10283570" y="453220"/>
              <a:ext cx="87546" cy="87503"/>
            </a:xfrm>
            <a:custGeom>
              <a:avLst/>
              <a:gdLst>
                <a:gd name="connsiteX0" fmla="*/ 50504 w 87546"/>
                <a:gd name="connsiteY0" fmla="*/ 87503 h 87503"/>
                <a:gd name="connsiteX1" fmla="*/ 50504 w 87546"/>
                <a:gd name="connsiteY1" fmla="*/ 50504 h 87503"/>
                <a:gd name="connsiteX2" fmla="*/ 87546 w 87546"/>
                <a:gd name="connsiteY2" fmla="*/ 50504 h 87503"/>
                <a:gd name="connsiteX3" fmla="*/ 87546 w 87546"/>
                <a:gd name="connsiteY3" fmla="*/ 36999 h 87503"/>
                <a:gd name="connsiteX4" fmla="*/ 50504 w 87546"/>
                <a:gd name="connsiteY4" fmla="*/ 36999 h 87503"/>
                <a:gd name="connsiteX5" fmla="*/ 50504 w 87546"/>
                <a:gd name="connsiteY5" fmla="*/ 0 h 87503"/>
                <a:gd name="connsiteX6" fmla="*/ 37042 w 87546"/>
                <a:gd name="connsiteY6" fmla="*/ 0 h 87503"/>
                <a:gd name="connsiteX7" fmla="*/ 37042 w 87546"/>
                <a:gd name="connsiteY7" fmla="*/ 36999 h 87503"/>
                <a:gd name="connsiteX8" fmla="*/ 0 w 87546"/>
                <a:gd name="connsiteY8" fmla="*/ 36999 h 87503"/>
                <a:gd name="connsiteX9" fmla="*/ 0 w 87546"/>
                <a:gd name="connsiteY9" fmla="*/ 50504 h 87503"/>
                <a:gd name="connsiteX10" fmla="*/ 37042 w 87546"/>
                <a:gd name="connsiteY10" fmla="*/ 50504 h 87503"/>
                <a:gd name="connsiteX11" fmla="*/ 37042 w 87546"/>
                <a:gd name="connsiteY11" fmla="*/ 87503 h 87503"/>
                <a:gd name="connsiteX12" fmla="*/ 50504 w 87546"/>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dirty="0"/>
            </a:p>
          </p:txBody>
        </p:sp>
        <p:sp>
          <p:nvSpPr>
            <p:cNvPr id="43" name="Freeform: Shape 77">
              <a:extLst>
                <a:ext uri="{FF2B5EF4-FFF2-40B4-BE49-F238E27FC236}">
                  <a16:creationId xmlns:a16="http://schemas.microsoft.com/office/drawing/2014/main" id="{A845F6E4-9B1E-8837-2016-9DCBFC1C6CA0}"/>
                </a:ext>
              </a:extLst>
            </p:cNvPr>
            <p:cNvSpPr/>
            <p:nvPr/>
          </p:nvSpPr>
          <p:spPr>
            <a:xfrm>
              <a:off x="10283570" y="1108879"/>
              <a:ext cx="87546" cy="87502"/>
            </a:xfrm>
            <a:custGeom>
              <a:avLst/>
              <a:gdLst>
                <a:gd name="connsiteX0" fmla="*/ 50504 w 87546"/>
                <a:gd name="connsiteY0" fmla="*/ 87503 h 87502"/>
                <a:gd name="connsiteX1" fmla="*/ 50504 w 87546"/>
                <a:gd name="connsiteY1" fmla="*/ 50504 h 87502"/>
                <a:gd name="connsiteX2" fmla="*/ 87546 w 87546"/>
                <a:gd name="connsiteY2" fmla="*/ 50504 h 87502"/>
                <a:gd name="connsiteX3" fmla="*/ 87546 w 87546"/>
                <a:gd name="connsiteY3" fmla="*/ 37042 h 87502"/>
                <a:gd name="connsiteX4" fmla="*/ 50504 w 87546"/>
                <a:gd name="connsiteY4" fmla="*/ 37042 h 87502"/>
                <a:gd name="connsiteX5" fmla="*/ 50504 w 87546"/>
                <a:gd name="connsiteY5" fmla="*/ 0 h 87502"/>
                <a:gd name="connsiteX6" fmla="*/ 37042 w 87546"/>
                <a:gd name="connsiteY6" fmla="*/ 0 h 87502"/>
                <a:gd name="connsiteX7" fmla="*/ 37042 w 87546"/>
                <a:gd name="connsiteY7" fmla="*/ 37042 h 87502"/>
                <a:gd name="connsiteX8" fmla="*/ 0 w 87546"/>
                <a:gd name="connsiteY8" fmla="*/ 37042 h 87502"/>
                <a:gd name="connsiteX9" fmla="*/ 0 w 87546"/>
                <a:gd name="connsiteY9" fmla="*/ 50504 h 87502"/>
                <a:gd name="connsiteX10" fmla="*/ 37042 w 87546"/>
                <a:gd name="connsiteY10" fmla="*/ 50504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44" name="Freeform: Shape 78">
              <a:extLst>
                <a:ext uri="{FF2B5EF4-FFF2-40B4-BE49-F238E27FC236}">
                  <a16:creationId xmlns:a16="http://schemas.microsoft.com/office/drawing/2014/main" id="{8A25374F-004A-56EA-32C2-21BBF9A97AF5}"/>
                </a:ext>
              </a:extLst>
            </p:cNvPr>
            <p:cNvSpPr/>
            <p:nvPr/>
          </p:nvSpPr>
          <p:spPr>
            <a:xfrm>
              <a:off x="10283570" y="1765215"/>
              <a:ext cx="87546" cy="87502"/>
            </a:xfrm>
            <a:custGeom>
              <a:avLst/>
              <a:gdLst>
                <a:gd name="connsiteX0" fmla="*/ 50504 w 87546"/>
                <a:gd name="connsiteY0" fmla="*/ 87503 h 87502"/>
                <a:gd name="connsiteX1" fmla="*/ 50504 w 87546"/>
                <a:gd name="connsiteY1" fmla="*/ 50461 h 87502"/>
                <a:gd name="connsiteX2" fmla="*/ 87546 w 87546"/>
                <a:gd name="connsiteY2" fmla="*/ 50461 h 87502"/>
                <a:gd name="connsiteX3" fmla="*/ 87546 w 87546"/>
                <a:gd name="connsiteY3" fmla="*/ 36999 h 87502"/>
                <a:gd name="connsiteX4" fmla="*/ 50504 w 87546"/>
                <a:gd name="connsiteY4" fmla="*/ 36999 h 87502"/>
                <a:gd name="connsiteX5" fmla="*/ 50504 w 87546"/>
                <a:gd name="connsiteY5" fmla="*/ 0 h 87502"/>
                <a:gd name="connsiteX6" fmla="*/ 37042 w 87546"/>
                <a:gd name="connsiteY6" fmla="*/ 0 h 87502"/>
                <a:gd name="connsiteX7" fmla="*/ 37042 w 87546"/>
                <a:gd name="connsiteY7" fmla="*/ 36999 h 87502"/>
                <a:gd name="connsiteX8" fmla="*/ 0 w 87546"/>
                <a:gd name="connsiteY8" fmla="*/ 36999 h 87502"/>
                <a:gd name="connsiteX9" fmla="*/ 0 w 87546"/>
                <a:gd name="connsiteY9" fmla="*/ 50461 h 87502"/>
                <a:gd name="connsiteX10" fmla="*/ 37042 w 87546"/>
                <a:gd name="connsiteY10" fmla="*/ 50461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45" name="Freeform: Shape 79">
              <a:extLst>
                <a:ext uri="{FF2B5EF4-FFF2-40B4-BE49-F238E27FC236}">
                  <a16:creationId xmlns:a16="http://schemas.microsoft.com/office/drawing/2014/main" id="{887C0377-0C9B-1174-8B50-10214F1E2A9E}"/>
                </a:ext>
              </a:extLst>
            </p:cNvPr>
            <p:cNvSpPr/>
            <p:nvPr/>
          </p:nvSpPr>
          <p:spPr>
            <a:xfrm>
              <a:off x="10939525" y="453220"/>
              <a:ext cx="87503" cy="87503"/>
            </a:xfrm>
            <a:custGeom>
              <a:avLst/>
              <a:gdLst>
                <a:gd name="connsiteX0" fmla="*/ 50462 w 87503"/>
                <a:gd name="connsiteY0" fmla="*/ 87503 h 87503"/>
                <a:gd name="connsiteX1" fmla="*/ 50462 w 87503"/>
                <a:gd name="connsiteY1" fmla="*/ 50504 h 87503"/>
                <a:gd name="connsiteX2" fmla="*/ 87504 w 87503"/>
                <a:gd name="connsiteY2" fmla="*/ 50504 h 87503"/>
                <a:gd name="connsiteX3" fmla="*/ 87504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4" y="50504"/>
                  </a:lnTo>
                  <a:lnTo>
                    <a:pt x="87504"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6" name="Freeform: Shape 80">
              <a:extLst>
                <a:ext uri="{FF2B5EF4-FFF2-40B4-BE49-F238E27FC236}">
                  <a16:creationId xmlns:a16="http://schemas.microsoft.com/office/drawing/2014/main" id="{3B51C3C8-9FF9-4CC9-D87C-1F0F6D52D849}"/>
                </a:ext>
              </a:extLst>
            </p:cNvPr>
            <p:cNvSpPr/>
            <p:nvPr/>
          </p:nvSpPr>
          <p:spPr>
            <a:xfrm>
              <a:off x="10939525" y="1108879"/>
              <a:ext cx="87503" cy="87502"/>
            </a:xfrm>
            <a:custGeom>
              <a:avLst/>
              <a:gdLst>
                <a:gd name="connsiteX0" fmla="*/ 50462 w 87503"/>
                <a:gd name="connsiteY0" fmla="*/ 87503 h 87502"/>
                <a:gd name="connsiteX1" fmla="*/ 50462 w 87503"/>
                <a:gd name="connsiteY1" fmla="*/ 50504 h 87502"/>
                <a:gd name="connsiteX2" fmla="*/ 87504 w 87503"/>
                <a:gd name="connsiteY2" fmla="*/ 50504 h 87502"/>
                <a:gd name="connsiteX3" fmla="*/ 87504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4" y="50504"/>
                  </a:lnTo>
                  <a:lnTo>
                    <a:pt x="87504"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7" name="Freeform: Shape 81">
              <a:extLst>
                <a:ext uri="{FF2B5EF4-FFF2-40B4-BE49-F238E27FC236}">
                  <a16:creationId xmlns:a16="http://schemas.microsoft.com/office/drawing/2014/main" id="{49278438-2610-5B0A-62D4-484AF5296808}"/>
                </a:ext>
              </a:extLst>
            </p:cNvPr>
            <p:cNvSpPr/>
            <p:nvPr/>
          </p:nvSpPr>
          <p:spPr>
            <a:xfrm>
              <a:off x="10939525" y="1765215"/>
              <a:ext cx="87503" cy="87502"/>
            </a:xfrm>
            <a:custGeom>
              <a:avLst/>
              <a:gdLst>
                <a:gd name="connsiteX0" fmla="*/ 50462 w 87503"/>
                <a:gd name="connsiteY0" fmla="*/ 87503 h 87502"/>
                <a:gd name="connsiteX1" fmla="*/ 50462 w 87503"/>
                <a:gd name="connsiteY1" fmla="*/ 50461 h 87502"/>
                <a:gd name="connsiteX2" fmla="*/ 87504 w 87503"/>
                <a:gd name="connsiteY2" fmla="*/ 50461 h 87502"/>
                <a:gd name="connsiteX3" fmla="*/ 87504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4" y="50461"/>
                  </a:lnTo>
                  <a:lnTo>
                    <a:pt x="87504"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48" name="Freeform: Shape 82">
              <a:extLst>
                <a:ext uri="{FF2B5EF4-FFF2-40B4-BE49-F238E27FC236}">
                  <a16:creationId xmlns:a16="http://schemas.microsoft.com/office/drawing/2014/main" id="{7DD8F9C8-67D6-3537-7FB5-4A7BEFB5A3A7}"/>
                </a:ext>
              </a:extLst>
            </p:cNvPr>
            <p:cNvSpPr/>
            <p:nvPr/>
          </p:nvSpPr>
          <p:spPr>
            <a:xfrm>
              <a:off x="11595438" y="453220"/>
              <a:ext cx="87502" cy="87503"/>
            </a:xfrm>
            <a:custGeom>
              <a:avLst/>
              <a:gdLst>
                <a:gd name="connsiteX0" fmla="*/ 50461 w 87502"/>
                <a:gd name="connsiteY0" fmla="*/ 87503 h 87503"/>
                <a:gd name="connsiteX1" fmla="*/ 50461 w 87502"/>
                <a:gd name="connsiteY1" fmla="*/ 50504 h 87503"/>
                <a:gd name="connsiteX2" fmla="*/ 87503 w 87502"/>
                <a:gd name="connsiteY2" fmla="*/ 50504 h 87503"/>
                <a:gd name="connsiteX3" fmla="*/ 87503 w 87502"/>
                <a:gd name="connsiteY3" fmla="*/ 36999 h 87503"/>
                <a:gd name="connsiteX4" fmla="*/ 50461 w 87502"/>
                <a:gd name="connsiteY4" fmla="*/ 36999 h 87503"/>
                <a:gd name="connsiteX5" fmla="*/ 50461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461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461" y="87503"/>
                  </a:moveTo>
                  <a:lnTo>
                    <a:pt x="50461" y="50504"/>
                  </a:lnTo>
                  <a:lnTo>
                    <a:pt x="87503" y="50504"/>
                  </a:lnTo>
                  <a:lnTo>
                    <a:pt x="87503" y="36999"/>
                  </a:lnTo>
                  <a:lnTo>
                    <a:pt x="50461" y="36999"/>
                  </a:lnTo>
                  <a:lnTo>
                    <a:pt x="50461" y="0"/>
                  </a:lnTo>
                  <a:lnTo>
                    <a:pt x="36999" y="0"/>
                  </a:lnTo>
                  <a:lnTo>
                    <a:pt x="36999" y="36999"/>
                  </a:lnTo>
                  <a:lnTo>
                    <a:pt x="0" y="36999"/>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9" name="Freeform: Shape 83">
              <a:extLst>
                <a:ext uri="{FF2B5EF4-FFF2-40B4-BE49-F238E27FC236}">
                  <a16:creationId xmlns:a16="http://schemas.microsoft.com/office/drawing/2014/main" id="{5536C2AC-46F5-B321-CDAB-9297B626AB11}"/>
                </a:ext>
              </a:extLst>
            </p:cNvPr>
            <p:cNvSpPr/>
            <p:nvPr/>
          </p:nvSpPr>
          <p:spPr>
            <a:xfrm>
              <a:off x="11595438" y="1108879"/>
              <a:ext cx="87502" cy="87502"/>
            </a:xfrm>
            <a:custGeom>
              <a:avLst/>
              <a:gdLst>
                <a:gd name="connsiteX0" fmla="*/ 50461 w 87502"/>
                <a:gd name="connsiteY0" fmla="*/ 87503 h 87502"/>
                <a:gd name="connsiteX1" fmla="*/ 50461 w 87502"/>
                <a:gd name="connsiteY1" fmla="*/ 50504 h 87502"/>
                <a:gd name="connsiteX2" fmla="*/ 87503 w 87502"/>
                <a:gd name="connsiteY2" fmla="*/ 50504 h 87502"/>
                <a:gd name="connsiteX3" fmla="*/ 87503 w 87502"/>
                <a:gd name="connsiteY3" fmla="*/ 37042 h 87502"/>
                <a:gd name="connsiteX4" fmla="*/ 50461 w 87502"/>
                <a:gd name="connsiteY4" fmla="*/ 37042 h 87502"/>
                <a:gd name="connsiteX5" fmla="*/ 50461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504"/>
                  </a:lnTo>
                  <a:lnTo>
                    <a:pt x="87503" y="50504"/>
                  </a:lnTo>
                  <a:lnTo>
                    <a:pt x="87503" y="37042"/>
                  </a:lnTo>
                  <a:lnTo>
                    <a:pt x="50461" y="37042"/>
                  </a:lnTo>
                  <a:lnTo>
                    <a:pt x="50461" y="0"/>
                  </a:lnTo>
                  <a:lnTo>
                    <a:pt x="36999" y="0"/>
                  </a:lnTo>
                  <a:lnTo>
                    <a:pt x="36999" y="37042"/>
                  </a:lnTo>
                  <a:lnTo>
                    <a:pt x="0" y="37042"/>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50" name="Freeform: Shape 84">
              <a:extLst>
                <a:ext uri="{FF2B5EF4-FFF2-40B4-BE49-F238E27FC236}">
                  <a16:creationId xmlns:a16="http://schemas.microsoft.com/office/drawing/2014/main" id="{571F4B40-52B5-4C60-42D4-2F2D1EB14E1D}"/>
                </a:ext>
              </a:extLst>
            </p:cNvPr>
            <p:cNvSpPr/>
            <p:nvPr/>
          </p:nvSpPr>
          <p:spPr>
            <a:xfrm>
              <a:off x="11595438" y="1765215"/>
              <a:ext cx="87502" cy="87502"/>
            </a:xfrm>
            <a:custGeom>
              <a:avLst/>
              <a:gdLst>
                <a:gd name="connsiteX0" fmla="*/ 50461 w 87502"/>
                <a:gd name="connsiteY0" fmla="*/ 87503 h 87502"/>
                <a:gd name="connsiteX1" fmla="*/ 50461 w 87502"/>
                <a:gd name="connsiteY1" fmla="*/ 50461 h 87502"/>
                <a:gd name="connsiteX2" fmla="*/ 87503 w 87502"/>
                <a:gd name="connsiteY2" fmla="*/ 50461 h 87502"/>
                <a:gd name="connsiteX3" fmla="*/ 87503 w 87502"/>
                <a:gd name="connsiteY3" fmla="*/ 36999 h 87502"/>
                <a:gd name="connsiteX4" fmla="*/ 50461 w 87502"/>
                <a:gd name="connsiteY4" fmla="*/ 36999 h 87502"/>
                <a:gd name="connsiteX5" fmla="*/ 50461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461"/>
                  </a:lnTo>
                  <a:lnTo>
                    <a:pt x="87503" y="50461"/>
                  </a:lnTo>
                  <a:lnTo>
                    <a:pt x="87503" y="36999"/>
                  </a:lnTo>
                  <a:lnTo>
                    <a:pt x="50461" y="36999"/>
                  </a:lnTo>
                  <a:lnTo>
                    <a:pt x="50461" y="0"/>
                  </a:lnTo>
                  <a:lnTo>
                    <a:pt x="36999" y="0"/>
                  </a:lnTo>
                  <a:lnTo>
                    <a:pt x="36999" y="36999"/>
                  </a:lnTo>
                  <a:lnTo>
                    <a:pt x="0" y="36999"/>
                  </a:lnTo>
                  <a:lnTo>
                    <a:pt x="0" y="50461"/>
                  </a:lnTo>
                  <a:lnTo>
                    <a:pt x="36999" y="50461"/>
                  </a:lnTo>
                  <a:lnTo>
                    <a:pt x="36999" y="87503"/>
                  </a:lnTo>
                  <a:lnTo>
                    <a:pt x="50461" y="87503"/>
                  </a:lnTo>
                  <a:close/>
                </a:path>
              </a:pathLst>
            </a:custGeom>
            <a:grpFill/>
            <a:ln w="0" cap="flat">
              <a:noFill/>
              <a:prstDash val="solid"/>
              <a:miter/>
            </a:ln>
          </p:spPr>
          <p:txBody>
            <a:bodyPr rtlCol="0" anchor="ctr"/>
            <a:lstStyle/>
            <a:p>
              <a:endParaRPr lang="en-US"/>
            </a:p>
          </p:txBody>
        </p:sp>
      </p:grpSp>
      <p:sp>
        <p:nvSpPr>
          <p:cNvPr id="6" name="Slide Number Placeholder 5">
            <a:extLst>
              <a:ext uri="{FF2B5EF4-FFF2-40B4-BE49-F238E27FC236}">
                <a16:creationId xmlns:a16="http://schemas.microsoft.com/office/drawing/2014/main" id="{70DA6776-2740-241C-2B98-87CB7655F9EC}"/>
              </a:ext>
            </a:extLst>
          </p:cNvPr>
          <p:cNvSpPr>
            <a:spLocks noGrp="1"/>
          </p:cNvSpPr>
          <p:nvPr>
            <p:ph type="sldNum" sz="quarter" idx="19"/>
          </p:nvPr>
        </p:nvSpPr>
        <p:spPr/>
        <p:txBody>
          <a:bodyPr/>
          <a:lstStyle/>
          <a:p>
            <a:fld id="{23AA811B-2EBD-4900-905E-5BE206449611}" type="slidenum">
              <a:rPr lang="en-US" smtClean="0"/>
              <a:pPr/>
              <a:t>2</a:t>
            </a:fld>
            <a:endParaRPr lang="en-US" dirty="0"/>
          </a:p>
        </p:txBody>
      </p:sp>
      <p:sp>
        <p:nvSpPr>
          <p:cNvPr id="7" name="Date Placeholder 6">
            <a:extLst>
              <a:ext uri="{FF2B5EF4-FFF2-40B4-BE49-F238E27FC236}">
                <a16:creationId xmlns:a16="http://schemas.microsoft.com/office/drawing/2014/main" id="{808B5436-E978-428B-503C-49075E5E8B39}"/>
              </a:ext>
            </a:extLst>
          </p:cNvPr>
          <p:cNvSpPr>
            <a:spLocks noGrp="1"/>
          </p:cNvSpPr>
          <p:nvPr>
            <p:ph type="dt" sz="half" idx="13"/>
          </p:nvPr>
        </p:nvSpPr>
        <p:spPr/>
        <p:txBody>
          <a:bodyPr/>
          <a:lstStyle/>
          <a:p>
            <a:fld id="{B118041E-2DAD-480C-AEE4-E661A097CFE4}" type="datetime1">
              <a:rPr lang="en-US" smtClean="0"/>
              <a:t>7/26/2024</a:t>
            </a:fld>
            <a:endParaRPr lang="en-US" dirty="0"/>
          </a:p>
        </p:txBody>
      </p:sp>
      <p:pic>
        <p:nvPicPr>
          <p:cNvPr id="18" name="Picture 17">
            <a:extLst>
              <a:ext uri="{FF2B5EF4-FFF2-40B4-BE49-F238E27FC236}">
                <a16:creationId xmlns:a16="http://schemas.microsoft.com/office/drawing/2014/main" id="{5804F427-CB84-283F-C259-04CE53D09EFC}"/>
              </a:ext>
            </a:extLst>
          </p:cNvPr>
          <p:cNvPicPr>
            <a:picLocks noChangeAspect="1"/>
          </p:cNvPicPr>
          <p:nvPr/>
        </p:nvPicPr>
        <p:blipFill>
          <a:blip r:embed="rId3"/>
          <a:stretch>
            <a:fillRect/>
          </a:stretch>
        </p:blipFill>
        <p:spPr>
          <a:xfrm>
            <a:off x="6226707" y="770110"/>
            <a:ext cx="4624554" cy="1052601"/>
          </a:xfrm>
          <a:prstGeom prst="rect">
            <a:avLst/>
          </a:prstGeom>
        </p:spPr>
      </p:pic>
      <p:pic>
        <p:nvPicPr>
          <p:cNvPr id="19" name="Picture 18">
            <a:extLst>
              <a:ext uri="{FF2B5EF4-FFF2-40B4-BE49-F238E27FC236}">
                <a16:creationId xmlns:a16="http://schemas.microsoft.com/office/drawing/2014/main" id="{043730E1-6AFC-CD98-7459-0143CF7FF16B}"/>
              </a:ext>
            </a:extLst>
          </p:cNvPr>
          <p:cNvPicPr>
            <a:picLocks noChangeAspect="1"/>
          </p:cNvPicPr>
          <p:nvPr/>
        </p:nvPicPr>
        <p:blipFill>
          <a:blip r:embed="rId4"/>
          <a:stretch>
            <a:fillRect/>
          </a:stretch>
        </p:blipFill>
        <p:spPr>
          <a:xfrm>
            <a:off x="6921214" y="2074411"/>
            <a:ext cx="3235540" cy="499168"/>
          </a:xfrm>
          <a:prstGeom prst="rect">
            <a:avLst/>
          </a:prstGeom>
        </p:spPr>
      </p:pic>
      <p:pic>
        <p:nvPicPr>
          <p:cNvPr id="17" name="Picture 16">
            <a:extLst>
              <a:ext uri="{FF2B5EF4-FFF2-40B4-BE49-F238E27FC236}">
                <a16:creationId xmlns:a16="http://schemas.microsoft.com/office/drawing/2014/main" id="{93FF21B5-02B1-9925-4B2F-2E26B9F811EB}"/>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5729292" y="2825279"/>
            <a:ext cx="5619384" cy="1480534"/>
          </a:xfrm>
          <a:prstGeom prst="rect">
            <a:avLst/>
          </a:prstGeom>
        </p:spPr>
      </p:pic>
      <p:sp>
        <p:nvSpPr>
          <p:cNvPr id="21" name="TextBox 20">
            <a:extLst>
              <a:ext uri="{FF2B5EF4-FFF2-40B4-BE49-F238E27FC236}">
                <a16:creationId xmlns:a16="http://schemas.microsoft.com/office/drawing/2014/main" id="{8898D998-7EE4-A37F-A0C8-AB7353B73E56}"/>
              </a:ext>
            </a:extLst>
          </p:cNvPr>
          <p:cNvSpPr txBox="1"/>
          <p:nvPr/>
        </p:nvSpPr>
        <p:spPr>
          <a:xfrm>
            <a:off x="5551338" y="4472027"/>
            <a:ext cx="5790890" cy="1015663"/>
          </a:xfrm>
          <a:prstGeom prst="rect">
            <a:avLst/>
          </a:prstGeom>
          <a:noFill/>
        </p:spPr>
        <p:txBody>
          <a:bodyPr wrap="square">
            <a:spAutoFit/>
          </a:bodyPr>
          <a:lstStyle/>
          <a:p>
            <a:pPr marL="0" lvl="1" indent="0">
              <a:buNone/>
            </a:pPr>
            <a:r>
              <a:rPr lang="en-US" sz="1000" dirty="0">
                <a:solidFill>
                  <a:schemeClr val="bg1"/>
                </a:solidFill>
              </a:rPr>
              <a:t>*In some instances, a Peer-to-Peer consultation is allowed, but the case decision can not be changed. In such cases, you can still request a </a:t>
            </a:r>
            <a:r>
              <a:rPr lang="en-US" sz="1000" b="1" dirty="0">
                <a:solidFill>
                  <a:schemeClr val="bg1"/>
                </a:solidFill>
              </a:rPr>
              <a:t>Consultative-Only Peer-to-Peer. </a:t>
            </a:r>
            <a:r>
              <a:rPr lang="en-US" sz="1000" dirty="0">
                <a:solidFill>
                  <a:schemeClr val="bg1"/>
                </a:solidFill>
              </a:rPr>
              <a:t>You can also click on the </a:t>
            </a:r>
            <a:r>
              <a:rPr lang="en-US" sz="1000" b="1" dirty="0">
                <a:solidFill>
                  <a:schemeClr val="bg1"/>
                </a:solidFill>
              </a:rPr>
              <a:t>ALL POST-DECISION OPTIONS</a:t>
            </a:r>
            <a:r>
              <a:rPr lang="en-US" sz="1000" dirty="0">
                <a:solidFill>
                  <a:schemeClr val="bg1"/>
                </a:solidFill>
              </a:rPr>
              <a:t> button to learn what other action can be taken. </a:t>
            </a:r>
          </a:p>
          <a:p>
            <a:pPr marL="0" lvl="1" indent="0">
              <a:buNone/>
            </a:pPr>
            <a:endParaRPr lang="en-US" sz="1000" dirty="0">
              <a:solidFill>
                <a:schemeClr val="bg1"/>
              </a:solidFill>
            </a:endParaRPr>
          </a:p>
          <a:p>
            <a:pPr marL="0" lvl="1" indent="0">
              <a:buNone/>
            </a:pPr>
            <a:r>
              <a:rPr lang="en-US" sz="1000" dirty="0">
                <a:solidFill>
                  <a:schemeClr val="bg1"/>
                </a:solidFill>
              </a:rPr>
              <a:t>Once the </a:t>
            </a:r>
            <a:r>
              <a:rPr lang="en-US" sz="1000" b="1" dirty="0">
                <a:solidFill>
                  <a:schemeClr val="bg1"/>
                </a:solidFill>
              </a:rPr>
              <a:t>Request Peer-to-Peer Consultation</a:t>
            </a:r>
            <a:r>
              <a:rPr lang="en-US" sz="1000" dirty="0">
                <a:solidFill>
                  <a:schemeClr val="bg1"/>
                </a:solidFill>
              </a:rPr>
              <a:t> link is selected, you will be transferred to our scheduling software via a new browser window. </a:t>
            </a:r>
          </a:p>
        </p:txBody>
      </p:sp>
      <p:sp>
        <p:nvSpPr>
          <p:cNvPr id="56" name="Rectangle: Single Corner Rounded 35">
            <a:extLst>
              <a:ext uri="{FF2B5EF4-FFF2-40B4-BE49-F238E27FC236}">
                <a16:creationId xmlns:a16="http://schemas.microsoft.com/office/drawing/2014/main" id="{DA6133C9-FE2A-93E6-F734-FF5DE96F4782}"/>
              </a:ext>
            </a:extLst>
          </p:cNvPr>
          <p:cNvSpPr/>
          <p:nvPr/>
        </p:nvSpPr>
        <p:spPr>
          <a:xfrm>
            <a:off x="1530388" y="0"/>
            <a:ext cx="3278306" cy="6858000"/>
          </a:xfrm>
          <a:prstGeom prst="round1Rect">
            <a:avLst>
              <a:gd name="adj" fmla="val 21969"/>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9" name="Title 28">
            <a:extLst>
              <a:ext uri="{FF2B5EF4-FFF2-40B4-BE49-F238E27FC236}">
                <a16:creationId xmlns:a16="http://schemas.microsoft.com/office/drawing/2014/main" id="{86E7C752-D4CC-0754-6E73-216D13D51344}"/>
              </a:ext>
            </a:extLst>
          </p:cNvPr>
          <p:cNvSpPr>
            <a:spLocks noGrp="1"/>
          </p:cNvSpPr>
          <p:nvPr>
            <p:ph type="title"/>
          </p:nvPr>
        </p:nvSpPr>
        <p:spPr/>
        <p:txBody>
          <a:bodyPr/>
          <a:lstStyle/>
          <a:p>
            <a:r>
              <a:rPr lang="en-US" dirty="0"/>
              <a:t>Schedule a P2P Request</a:t>
            </a:r>
          </a:p>
        </p:txBody>
      </p:sp>
      <p:sp>
        <p:nvSpPr>
          <p:cNvPr id="54" name="Text Placeholder 53">
            <a:extLst>
              <a:ext uri="{FF2B5EF4-FFF2-40B4-BE49-F238E27FC236}">
                <a16:creationId xmlns:a16="http://schemas.microsoft.com/office/drawing/2014/main" id="{A8579961-7978-2F3C-F4FF-4D4E6C2DFEE0}"/>
              </a:ext>
            </a:extLst>
          </p:cNvPr>
          <p:cNvSpPr>
            <a:spLocks noGrp="1"/>
          </p:cNvSpPr>
          <p:nvPr>
            <p:ph type="body" sz="quarter" idx="17"/>
          </p:nvPr>
        </p:nvSpPr>
        <p:spPr>
          <a:xfrm>
            <a:off x="360000" y="296574"/>
            <a:ext cx="4669200" cy="236636"/>
          </a:xfrm>
        </p:spPr>
        <p:txBody>
          <a:bodyPr/>
          <a:lstStyle/>
          <a:p>
            <a:r>
              <a:rPr lang="en-US" dirty="0"/>
              <a:t>Provider Resources</a:t>
            </a:r>
          </a:p>
          <a:p>
            <a:endParaRPr lang="en-US" dirty="0"/>
          </a:p>
        </p:txBody>
      </p:sp>
      <p:sp>
        <p:nvSpPr>
          <p:cNvPr id="30" name="Content Placeholder 29">
            <a:extLst>
              <a:ext uri="{FF2B5EF4-FFF2-40B4-BE49-F238E27FC236}">
                <a16:creationId xmlns:a16="http://schemas.microsoft.com/office/drawing/2014/main" id="{BDEDC7F6-76E6-6201-D50D-BD1E0F012D27}"/>
              </a:ext>
            </a:extLst>
          </p:cNvPr>
          <p:cNvSpPr>
            <a:spLocks noGrp="1"/>
          </p:cNvSpPr>
          <p:nvPr>
            <p:ph idx="1"/>
          </p:nvPr>
        </p:nvSpPr>
        <p:spPr>
          <a:xfrm>
            <a:off x="360000" y="1222917"/>
            <a:ext cx="4262733" cy="4042800"/>
          </a:xfrm>
        </p:spPr>
        <p:txBody>
          <a:bodyPr/>
          <a:lstStyle/>
          <a:p>
            <a:pPr marL="0" indent="0">
              <a:buNone/>
            </a:pPr>
            <a:r>
              <a:rPr lang="en-US" sz="1600" dirty="0">
                <a:solidFill>
                  <a:schemeClr val="accent4"/>
                </a:solidFill>
              </a:rPr>
              <a:t>If your case is eligible for a Peer-to-Peer (P2) consultation, a link will display, allowing you to proceed to scheduling without any additional messaging</a:t>
            </a:r>
          </a:p>
          <a:p>
            <a:pPr marL="182880" indent="-182880">
              <a:buNone/>
            </a:pPr>
            <a:endParaRPr lang="en-US" sz="1600" dirty="0">
              <a:solidFill>
                <a:schemeClr val="accent4"/>
              </a:solidFill>
            </a:endParaRPr>
          </a:p>
          <a:p>
            <a:pPr marL="182880" indent="-182880">
              <a:buClr>
                <a:schemeClr val="tx2"/>
              </a:buClr>
              <a:buFont typeface="+mj-lt"/>
              <a:buAutoNum type="arabicPeriod"/>
            </a:pPr>
            <a:r>
              <a:rPr lang="en-US" sz="1600" dirty="0">
                <a:solidFill>
                  <a:schemeClr val="accent4"/>
                </a:solidFill>
                <a:ea typeface="Segoe UI" panose="020B0502040204020203" pitchFamily="34" charset="0"/>
                <a:cs typeface="Segoe UI" panose="020B0502040204020203" pitchFamily="34" charset="0"/>
              </a:rPr>
              <a:t>Log-in to your account at </a:t>
            </a:r>
            <a:r>
              <a:rPr lang="en-US" sz="1600" dirty="0">
                <a:solidFill>
                  <a:schemeClr val="accent4"/>
                </a:solidFill>
                <a:ea typeface="Segoe UI" panose="020B0502040204020203" pitchFamily="34" charset="0"/>
                <a:cs typeface="Segoe UI" panose="020B0502040204020203" pitchFamily="34" charset="0"/>
                <a:hlinkClick r:id="rId6">
                  <a:extLst>
                    <a:ext uri="{A12FA001-AC4F-418D-AE19-62706E023703}">
                      <ahyp:hlinkClr xmlns="" xmlns:ahyp="http://schemas.microsoft.com/office/drawing/2018/hyperlinkcolor" val="tx"/>
                    </a:ext>
                  </a:extLst>
                </a:hlinkClick>
              </a:rPr>
              <a:t>EviCore.com </a:t>
            </a:r>
            <a:endParaRPr lang="en-US" sz="1600" dirty="0">
              <a:solidFill>
                <a:schemeClr val="accent4"/>
              </a:solidFill>
              <a:ea typeface="Segoe UI" panose="020B0502040204020203" pitchFamily="34" charset="0"/>
              <a:cs typeface="Segoe UI" panose="020B0502040204020203" pitchFamily="34" charset="0"/>
            </a:endParaRPr>
          </a:p>
          <a:p>
            <a:pPr marL="182880" indent="-182880">
              <a:buClr>
                <a:schemeClr val="tx2"/>
              </a:buClr>
              <a:buFont typeface="+mj-lt"/>
              <a:buAutoNum type="arabicPeriod"/>
            </a:pPr>
            <a:r>
              <a:rPr lang="en-US" sz="1600" dirty="0">
                <a:solidFill>
                  <a:schemeClr val="accent4"/>
                </a:solidFill>
                <a:ea typeface="Segoe UI" panose="020B0502040204020203" pitchFamily="34" charset="0"/>
                <a:cs typeface="Segoe UI" panose="020B0502040204020203" pitchFamily="34" charset="0"/>
              </a:rPr>
              <a:t>Perform </a:t>
            </a:r>
            <a:r>
              <a:rPr lang="en-US" sz="1600" b="1" dirty="0">
                <a:solidFill>
                  <a:schemeClr val="accent4"/>
                </a:solidFill>
                <a:ea typeface="Segoe UI" panose="020B0502040204020203" pitchFamily="34" charset="0"/>
                <a:cs typeface="Segoe UI" panose="020B0502040204020203" pitchFamily="34" charset="0"/>
              </a:rPr>
              <a:t>Clinical Review Lookup</a:t>
            </a:r>
            <a:r>
              <a:rPr lang="en-US" sz="1600" dirty="0">
                <a:solidFill>
                  <a:schemeClr val="accent4"/>
                </a:solidFill>
                <a:ea typeface="Segoe UI" panose="020B0502040204020203" pitchFamily="34" charset="0"/>
                <a:cs typeface="Segoe UI" panose="020B0502040204020203" pitchFamily="34" charset="0"/>
              </a:rPr>
              <a:t> to determine the status of your request</a:t>
            </a:r>
          </a:p>
          <a:p>
            <a:pPr marL="182880" indent="-182880">
              <a:buClr>
                <a:schemeClr val="tx2"/>
              </a:buClr>
              <a:buFont typeface="+mj-lt"/>
              <a:buAutoNum type="arabicPeriod"/>
            </a:pPr>
            <a:r>
              <a:rPr lang="en-US" sz="1600" dirty="0">
                <a:solidFill>
                  <a:schemeClr val="accent4"/>
                </a:solidFill>
                <a:ea typeface="Segoe UI" panose="020B0502040204020203" pitchFamily="34" charset="0"/>
                <a:cs typeface="Segoe UI" panose="020B0502040204020203" pitchFamily="34" charset="0"/>
              </a:rPr>
              <a:t>Click on the </a:t>
            </a:r>
            <a:r>
              <a:rPr lang="en-US" sz="1600" b="1" dirty="0">
                <a:solidFill>
                  <a:schemeClr val="accent4"/>
                </a:solidFill>
                <a:ea typeface="Segoe UI" panose="020B0502040204020203" pitchFamily="34" charset="0"/>
                <a:cs typeface="Segoe UI" panose="020B0502040204020203" pitchFamily="34" charset="0"/>
              </a:rPr>
              <a:t>P2P AVAILABILITY </a:t>
            </a:r>
            <a:r>
              <a:rPr lang="en-US" sz="1600" dirty="0">
                <a:solidFill>
                  <a:schemeClr val="accent4"/>
                </a:solidFill>
                <a:ea typeface="Segoe UI" panose="020B0502040204020203" pitchFamily="34" charset="0"/>
                <a:cs typeface="Segoe UI" panose="020B0502040204020203" pitchFamily="34" charset="0"/>
              </a:rPr>
              <a:t>button to determine if your case is eligible for a</a:t>
            </a:r>
            <a:br>
              <a:rPr lang="en-US" sz="1600" dirty="0">
                <a:solidFill>
                  <a:schemeClr val="accent4"/>
                </a:solidFill>
                <a:ea typeface="Segoe UI" panose="020B0502040204020203" pitchFamily="34" charset="0"/>
                <a:cs typeface="Segoe UI" panose="020B0502040204020203" pitchFamily="34" charset="0"/>
              </a:rPr>
            </a:br>
            <a:r>
              <a:rPr lang="en-US" sz="1600" dirty="0">
                <a:solidFill>
                  <a:schemeClr val="accent4"/>
                </a:solidFill>
                <a:ea typeface="Segoe UI" panose="020B0502040204020203" pitchFamily="34" charset="0"/>
                <a:cs typeface="Segoe UI" panose="020B0502040204020203" pitchFamily="34" charset="0"/>
              </a:rPr>
              <a:t>Peer-to-Peer consultation</a:t>
            </a:r>
          </a:p>
          <a:p>
            <a:pPr marL="182880" indent="-182880">
              <a:buClr>
                <a:schemeClr val="tx2"/>
              </a:buClr>
              <a:buFont typeface="+mj-lt"/>
              <a:buAutoNum type="arabicPeriod"/>
            </a:pPr>
            <a:r>
              <a:rPr lang="en-US" sz="1600" dirty="0">
                <a:solidFill>
                  <a:schemeClr val="accent4"/>
                </a:solidFill>
              </a:rPr>
              <a:t>Note carefully any messaging that displays*</a:t>
            </a:r>
          </a:p>
          <a:p>
            <a:pPr marL="182880" indent="-182880">
              <a:buNone/>
            </a:pPr>
            <a:endParaRPr lang="en-US" sz="1600" dirty="0">
              <a:solidFill>
                <a:schemeClr val="tx1"/>
              </a:solidFill>
            </a:endParaRPr>
          </a:p>
        </p:txBody>
      </p:sp>
      <p:sp>
        <p:nvSpPr>
          <p:cNvPr id="5" name="Slide Number Placeholder 9">
            <a:extLst>
              <a:ext uri="{FF2B5EF4-FFF2-40B4-BE49-F238E27FC236}">
                <a16:creationId xmlns:a16="http://schemas.microsoft.com/office/drawing/2014/main" id="{BEDB71FC-8FD7-59CF-5640-8F853D8B22F9}"/>
              </a:ext>
            </a:extLst>
          </p:cNvPr>
          <p:cNvSpPr txBox="1">
            <a:spLocks/>
          </p:cNvSpPr>
          <p:nvPr/>
        </p:nvSpPr>
        <p:spPr>
          <a:xfrm>
            <a:off x="11561374" y="6364800"/>
            <a:ext cx="266400" cy="180000"/>
          </a:xfrm>
          <a:prstGeom prst="rect">
            <a:avLst/>
          </a:prstGeom>
        </p:spPr>
        <p:txBody>
          <a:bodyPr vert="horz" lIns="0" tIns="0" rIns="0" bIns="0" rtlCol="0" anchor="b" anchorCtr="0"/>
          <a:lstStyle>
            <a:defPPr>
              <a:defRPr lang="en-US"/>
            </a:defPPr>
            <a:lvl1pPr algn="r" defTabSz="457200" rtl="0" eaLnBrk="0" fontAlgn="base" hangingPunct="0">
              <a:lnSpc>
                <a:spcPct val="90000"/>
              </a:lnSpc>
              <a:spcBef>
                <a:spcPct val="0"/>
              </a:spcBef>
              <a:spcAft>
                <a:spcPct val="0"/>
              </a:spcAft>
              <a:defRPr sz="800" kern="1200" spc="80" baseline="0">
                <a:solidFill>
                  <a:srgbClr val="035C67"/>
                </a:solidFill>
                <a:latin typeface="+mn-lt"/>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23AA811B-2EBD-4900-905E-5BE206449611}" type="slidenum">
              <a:rPr lang="en-US" smtClean="0">
                <a:solidFill>
                  <a:schemeClr val="bg2"/>
                </a:solidFill>
              </a:rPr>
              <a:pPr/>
              <a:t>2</a:t>
            </a:fld>
            <a:endParaRPr lang="en-US" dirty="0">
              <a:solidFill>
                <a:schemeClr val="bg2"/>
              </a:solidFill>
            </a:endParaRPr>
          </a:p>
        </p:txBody>
      </p:sp>
      <p:sp>
        <p:nvSpPr>
          <p:cNvPr id="32" name="Date Placeholder 6">
            <a:extLst>
              <a:ext uri="{FF2B5EF4-FFF2-40B4-BE49-F238E27FC236}">
                <a16:creationId xmlns:a16="http://schemas.microsoft.com/office/drawing/2014/main" id="{94A347A0-B519-3C65-65A7-44303BCBA031}"/>
              </a:ext>
            </a:extLst>
          </p:cNvPr>
          <p:cNvSpPr txBox="1">
            <a:spLocks/>
          </p:cNvSpPr>
          <p:nvPr/>
        </p:nvSpPr>
        <p:spPr>
          <a:xfrm>
            <a:off x="10630800" y="6364800"/>
            <a:ext cx="691200" cy="180000"/>
          </a:xfrm>
          <a:prstGeom prst="rect">
            <a:avLst/>
          </a:prstGeom>
        </p:spPr>
        <p:txBody>
          <a:bodyPr vert="horz" lIns="0" tIns="0" rIns="0" bIns="0" rtlCol="0" anchor="b" anchorCtr="0"/>
          <a:lstStyle>
            <a:defPPr>
              <a:defRPr lang="en-US"/>
            </a:defPPr>
            <a:lvl1pPr algn="r" defTabSz="457200" rtl="0" eaLnBrk="0" fontAlgn="base" hangingPunct="0">
              <a:spcBef>
                <a:spcPct val="0"/>
              </a:spcBef>
              <a:spcAft>
                <a:spcPct val="0"/>
              </a:spcAft>
              <a:defRPr sz="800" kern="1200">
                <a:solidFill>
                  <a:srgbClr val="035C67"/>
                </a:solidFill>
                <a:latin typeface="Arial" panose="020B0604020202020204" pitchFamily="34" charset="0"/>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5DC5082E-2538-4C43-B98E-BD181BFDFAF9}" type="datetime1">
              <a:rPr lang="en-US" smtClean="0">
                <a:solidFill>
                  <a:schemeClr val="bg2"/>
                </a:solidFill>
              </a:rPr>
              <a:pPr/>
              <a:t>7/26/2024</a:t>
            </a:fld>
            <a:endParaRPr lang="en-US" dirty="0">
              <a:solidFill>
                <a:schemeClr val="bg2"/>
              </a:solidFill>
            </a:endParaRPr>
          </a:p>
        </p:txBody>
      </p:sp>
      <p:sp>
        <p:nvSpPr>
          <p:cNvPr id="37" name="Legal dynamic" descr="{&quot;templafy&quot;:{&quot;id&quot;:&quot;aa68e427-5bc3-493e-b5cc-087f9adfba53&quot;}}" title="Form.Cigna_Confidentiality.EvernorthConfidentiality">
            <a:extLst>
              <a:ext uri="{FF2B5EF4-FFF2-40B4-BE49-F238E27FC236}">
                <a16:creationId xmlns:a16="http://schemas.microsoft.com/office/drawing/2014/main" id="{50466CC4-D341-5A3B-B764-E851440A9549}"/>
              </a:ext>
            </a:extLst>
          </p:cNvPr>
          <p:cNvSpPr/>
          <p:nvPr/>
        </p:nvSpPr>
        <p:spPr>
          <a:xfrm>
            <a:off x="6075680" y="62136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8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Tree>
    <p:extLst>
      <p:ext uri="{BB962C8B-B14F-4D97-AF65-F5344CB8AC3E}">
        <p14:creationId xmlns:p14="http://schemas.microsoft.com/office/powerpoint/2010/main" val="328154926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7979FBF1-EA67-E360-54E8-1C315E11E6B3}"/>
              </a:ext>
            </a:extLst>
          </p:cNvPr>
          <p:cNvSpPr/>
          <p:nvPr/>
        </p:nvSpPr>
        <p:spPr>
          <a:xfrm>
            <a:off x="3507129" y="0"/>
            <a:ext cx="8684871"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10" name="Group 9">
            <a:extLst>
              <a:ext uri="{FF2B5EF4-FFF2-40B4-BE49-F238E27FC236}">
                <a16:creationId xmlns:a16="http://schemas.microsoft.com/office/drawing/2014/main" id="{10BF8E39-8F8F-ED39-A55E-6D884507AF24}"/>
              </a:ext>
            </a:extLst>
          </p:cNvPr>
          <p:cNvGrpSpPr/>
          <p:nvPr/>
        </p:nvGrpSpPr>
        <p:grpSpPr>
          <a:xfrm>
            <a:off x="5191144" y="360622"/>
            <a:ext cx="6646544" cy="1399497"/>
            <a:chOff x="5036396" y="453220"/>
            <a:chExt cx="6646544" cy="1399497"/>
          </a:xfrm>
          <a:solidFill>
            <a:schemeClr val="accent2"/>
          </a:solidFill>
        </p:grpSpPr>
        <p:sp>
          <p:nvSpPr>
            <p:cNvPr id="12" name="Freeform: Shape 24">
              <a:extLst>
                <a:ext uri="{FF2B5EF4-FFF2-40B4-BE49-F238E27FC236}">
                  <a16:creationId xmlns:a16="http://schemas.microsoft.com/office/drawing/2014/main" id="{9C6EBB24-710D-4122-2F32-6556216A59C3}"/>
                </a:ext>
              </a:extLst>
            </p:cNvPr>
            <p:cNvSpPr/>
            <p:nvPr/>
          </p:nvSpPr>
          <p:spPr>
            <a:xfrm>
              <a:off x="8971745"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6999" y="0"/>
                  </a:lnTo>
                  <a:lnTo>
                    <a:pt x="36999" y="36999"/>
                  </a:lnTo>
                  <a:lnTo>
                    <a:pt x="0" y="36999"/>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3" name="Freeform: Shape 26">
              <a:extLst>
                <a:ext uri="{FF2B5EF4-FFF2-40B4-BE49-F238E27FC236}">
                  <a16:creationId xmlns:a16="http://schemas.microsoft.com/office/drawing/2014/main" id="{0A00EEF1-DB81-C433-10B1-A416E9D2AED5}"/>
                </a:ext>
              </a:extLst>
            </p:cNvPr>
            <p:cNvSpPr/>
            <p:nvPr/>
          </p:nvSpPr>
          <p:spPr>
            <a:xfrm>
              <a:off x="8971745"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6999" y="0"/>
                  </a:lnTo>
                  <a:lnTo>
                    <a:pt x="36999" y="37042"/>
                  </a:lnTo>
                  <a:lnTo>
                    <a:pt x="0" y="37042"/>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4" name="Freeform: Shape 27">
              <a:extLst>
                <a:ext uri="{FF2B5EF4-FFF2-40B4-BE49-F238E27FC236}">
                  <a16:creationId xmlns:a16="http://schemas.microsoft.com/office/drawing/2014/main" id="{600AE93B-0E2A-06B0-A2FD-877A4F72B976}"/>
                </a:ext>
              </a:extLst>
            </p:cNvPr>
            <p:cNvSpPr/>
            <p:nvPr/>
          </p:nvSpPr>
          <p:spPr>
            <a:xfrm>
              <a:off x="8971745"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6999" y="0"/>
                  </a:lnTo>
                  <a:lnTo>
                    <a:pt x="36999" y="36999"/>
                  </a:lnTo>
                  <a:lnTo>
                    <a:pt x="0" y="36999"/>
                  </a:lnTo>
                  <a:lnTo>
                    <a:pt x="0" y="50461"/>
                  </a:lnTo>
                  <a:lnTo>
                    <a:pt x="36999" y="50461"/>
                  </a:lnTo>
                  <a:lnTo>
                    <a:pt x="36999" y="87503"/>
                  </a:lnTo>
                  <a:lnTo>
                    <a:pt x="50503" y="87503"/>
                  </a:lnTo>
                  <a:close/>
                </a:path>
              </a:pathLst>
            </a:custGeom>
            <a:grpFill/>
            <a:ln w="0" cap="flat">
              <a:noFill/>
              <a:prstDash val="solid"/>
              <a:miter/>
            </a:ln>
          </p:spPr>
          <p:txBody>
            <a:bodyPr rtlCol="0" anchor="ctr"/>
            <a:lstStyle/>
            <a:p>
              <a:endParaRPr lang="en-US"/>
            </a:p>
          </p:txBody>
        </p:sp>
        <p:sp>
          <p:nvSpPr>
            <p:cNvPr id="15" name="Freeform: Shape 28">
              <a:extLst>
                <a:ext uri="{FF2B5EF4-FFF2-40B4-BE49-F238E27FC236}">
                  <a16:creationId xmlns:a16="http://schemas.microsoft.com/office/drawing/2014/main" id="{9E57A85F-4F17-3B54-087B-AF80C88B82DE}"/>
                </a:ext>
              </a:extLst>
            </p:cNvPr>
            <p:cNvSpPr/>
            <p:nvPr/>
          </p:nvSpPr>
          <p:spPr>
            <a:xfrm>
              <a:off x="8315832" y="453220"/>
              <a:ext cx="87545" cy="87503"/>
            </a:xfrm>
            <a:custGeom>
              <a:avLst/>
              <a:gdLst>
                <a:gd name="connsiteX0" fmla="*/ 50504 w 87545"/>
                <a:gd name="connsiteY0" fmla="*/ 87503 h 87503"/>
                <a:gd name="connsiteX1" fmla="*/ 50504 w 87545"/>
                <a:gd name="connsiteY1" fmla="*/ 50504 h 87503"/>
                <a:gd name="connsiteX2" fmla="*/ 87546 w 87545"/>
                <a:gd name="connsiteY2" fmla="*/ 50504 h 87503"/>
                <a:gd name="connsiteX3" fmla="*/ 87546 w 87545"/>
                <a:gd name="connsiteY3" fmla="*/ 36999 h 87503"/>
                <a:gd name="connsiteX4" fmla="*/ 50504 w 87545"/>
                <a:gd name="connsiteY4" fmla="*/ 36999 h 87503"/>
                <a:gd name="connsiteX5" fmla="*/ 50504 w 87545"/>
                <a:gd name="connsiteY5" fmla="*/ 0 h 87503"/>
                <a:gd name="connsiteX6" fmla="*/ 37042 w 87545"/>
                <a:gd name="connsiteY6" fmla="*/ 0 h 87503"/>
                <a:gd name="connsiteX7" fmla="*/ 37042 w 87545"/>
                <a:gd name="connsiteY7" fmla="*/ 36999 h 87503"/>
                <a:gd name="connsiteX8" fmla="*/ 0 w 87545"/>
                <a:gd name="connsiteY8" fmla="*/ 36999 h 87503"/>
                <a:gd name="connsiteX9" fmla="*/ 0 w 87545"/>
                <a:gd name="connsiteY9" fmla="*/ 50504 h 87503"/>
                <a:gd name="connsiteX10" fmla="*/ 37042 w 87545"/>
                <a:gd name="connsiteY10" fmla="*/ 50504 h 87503"/>
                <a:gd name="connsiteX11" fmla="*/ 37042 w 87545"/>
                <a:gd name="connsiteY11" fmla="*/ 87503 h 87503"/>
                <a:gd name="connsiteX12" fmla="*/ 50504 w 87545"/>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6" name="Freeform: Shape 29">
              <a:extLst>
                <a:ext uri="{FF2B5EF4-FFF2-40B4-BE49-F238E27FC236}">
                  <a16:creationId xmlns:a16="http://schemas.microsoft.com/office/drawing/2014/main" id="{BB0D0476-3B39-61D5-425E-5FEFBA5A61FD}"/>
                </a:ext>
              </a:extLst>
            </p:cNvPr>
            <p:cNvSpPr/>
            <p:nvPr/>
          </p:nvSpPr>
          <p:spPr>
            <a:xfrm>
              <a:off x="8315832" y="1108879"/>
              <a:ext cx="87545" cy="87502"/>
            </a:xfrm>
            <a:custGeom>
              <a:avLst/>
              <a:gdLst>
                <a:gd name="connsiteX0" fmla="*/ 50504 w 87545"/>
                <a:gd name="connsiteY0" fmla="*/ 87503 h 87502"/>
                <a:gd name="connsiteX1" fmla="*/ 50504 w 87545"/>
                <a:gd name="connsiteY1" fmla="*/ 50504 h 87502"/>
                <a:gd name="connsiteX2" fmla="*/ 87546 w 87545"/>
                <a:gd name="connsiteY2" fmla="*/ 50504 h 87502"/>
                <a:gd name="connsiteX3" fmla="*/ 87546 w 87545"/>
                <a:gd name="connsiteY3" fmla="*/ 37042 h 87502"/>
                <a:gd name="connsiteX4" fmla="*/ 50504 w 87545"/>
                <a:gd name="connsiteY4" fmla="*/ 37042 h 87502"/>
                <a:gd name="connsiteX5" fmla="*/ 50504 w 87545"/>
                <a:gd name="connsiteY5" fmla="*/ 0 h 87502"/>
                <a:gd name="connsiteX6" fmla="*/ 37042 w 87545"/>
                <a:gd name="connsiteY6" fmla="*/ 0 h 87502"/>
                <a:gd name="connsiteX7" fmla="*/ 37042 w 87545"/>
                <a:gd name="connsiteY7" fmla="*/ 37042 h 87502"/>
                <a:gd name="connsiteX8" fmla="*/ 0 w 87545"/>
                <a:gd name="connsiteY8" fmla="*/ 37042 h 87502"/>
                <a:gd name="connsiteX9" fmla="*/ 0 w 87545"/>
                <a:gd name="connsiteY9" fmla="*/ 50504 h 87502"/>
                <a:gd name="connsiteX10" fmla="*/ 37042 w 87545"/>
                <a:gd name="connsiteY10" fmla="*/ 50504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7" name="Freeform: Shape 30">
              <a:extLst>
                <a:ext uri="{FF2B5EF4-FFF2-40B4-BE49-F238E27FC236}">
                  <a16:creationId xmlns:a16="http://schemas.microsoft.com/office/drawing/2014/main" id="{FBD20249-09DA-8F39-6915-3EB56B41A5C4}"/>
                </a:ext>
              </a:extLst>
            </p:cNvPr>
            <p:cNvSpPr/>
            <p:nvPr/>
          </p:nvSpPr>
          <p:spPr>
            <a:xfrm>
              <a:off x="8315832" y="1765215"/>
              <a:ext cx="87545" cy="87502"/>
            </a:xfrm>
            <a:custGeom>
              <a:avLst/>
              <a:gdLst>
                <a:gd name="connsiteX0" fmla="*/ 50504 w 87545"/>
                <a:gd name="connsiteY0" fmla="*/ 87503 h 87502"/>
                <a:gd name="connsiteX1" fmla="*/ 50504 w 87545"/>
                <a:gd name="connsiteY1" fmla="*/ 50461 h 87502"/>
                <a:gd name="connsiteX2" fmla="*/ 87546 w 87545"/>
                <a:gd name="connsiteY2" fmla="*/ 50461 h 87502"/>
                <a:gd name="connsiteX3" fmla="*/ 87546 w 87545"/>
                <a:gd name="connsiteY3" fmla="*/ 36999 h 87502"/>
                <a:gd name="connsiteX4" fmla="*/ 50504 w 87545"/>
                <a:gd name="connsiteY4" fmla="*/ 36999 h 87502"/>
                <a:gd name="connsiteX5" fmla="*/ 50504 w 87545"/>
                <a:gd name="connsiteY5" fmla="*/ 0 h 87502"/>
                <a:gd name="connsiteX6" fmla="*/ 37042 w 87545"/>
                <a:gd name="connsiteY6" fmla="*/ 0 h 87502"/>
                <a:gd name="connsiteX7" fmla="*/ 37042 w 87545"/>
                <a:gd name="connsiteY7" fmla="*/ 36999 h 87502"/>
                <a:gd name="connsiteX8" fmla="*/ 0 w 87545"/>
                <a:gd name="connsiteY8" fmla="*/ 36999 h 87502"/>
                <a:gd name="connsiteX9" fmla="*/ 0 w 87545"/>
                <a:gd name="connsiteY9" fmla="*/ 50461 h 87502"/>
                <a:gd name="connsiteX10" fmla="*/ 37042 w 87545"/>
                <a:gd name="connsiteY10" fmla="*/ 50461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18" name="Freeform: Shape 31">
              <a:extLst>
                <a:ext uri="{FF2B5EF4-FFF2-40B4-BE49-F238E27FC236}">
                  <a16:creationId xmlns:a16="http://schemas.microsoft.com/office/drawing/2014/main" id="{C03E2C97-EA5E-A2F7-513D-884042FCDE54}"/>
                </a:ext>
              </a:extLst>
            </p:cNvPr>
            <p:cNvSpPr/>
            <p:nvPr/>
          </p:nvSpPr>
          <p:spPr>
            <a:xfrm>
              <a:off x="7659962"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19" name="Freeform: Shape 32">
              <a:extLst>
                <a:ext uri="{FF2B5EF4-FFF2-40B4-BE49-F238E27FC236}">
                  <a16:creationId xmlns:a16="http://schemas.microsoft.com/office/drawing/2014/main" id="{98DC7A57-96BC-151B-8FE8-54371D93B298}"/>
                </a:ext>
              </a:extLst>
            </p:cNvPr>
            <p:cNvSpPr/>
            <p:nvPr/>
          </p:nvSpPr>
          <p:spPr>
            <a:xfrm>
              <a:off x="7659962"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0" name="Freeform: Shape 33">
              <a:extLst>
                <a:ext uri="{FF2B5EF4-FFF2-40B4-BE49-F238E27FC236}">
                  <a16:creationId xmlns:a16="http://schemas.microsoft.com/office/drawing/2014/main" id="{72372053-AE13-CEF5-617F-9B106F4B5FC3}"/>
                </a:ext>
              </a:extLst>
            </p:cNvPr>
            <p:cNvSpPr/>
            <p:nvPr/>
          </p:nvSpPr>
          <p:spPr>
            <a:xfrm>
              <a:off x="7659962"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1" name="Freeform: Shape 37">
              <a:extLst>
                <a:ext uri="{FF2B5EF4-FFF2-40B4-BE49-F238E27FC236}">
                  <a16:creationId xmlns:a16="http://schemas.microsoft.com/office/drawing/2014/main" id="{7F051145-0A29-6C4B-99E3-30A6EB65CEC9}"/>
                </a:ext>
              </a:extLst>
            </p:cNvPr>
            <p:cNvSpPr/>
            <p:nvPr/>
          </p:nvSpPr>
          <p:spPr>
            <a:xfrm>
              <a:off x="7004049"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2" name="Freeform: Shape 38">
              <a:extLst>
                <a:ext uri="{FF2B5EF4-FFF2-40B4-BE49-F238E27FC236}">
                  <a16:creationId xmlns:a16="http://schemas.microsoft.com/office/drawing/2014/main" id="{65B35960-DAAE-FBDB-72B7-F15F3816C7F3}"/>
                </a:ext>
              </a:extLst>
            </p:cNvPr>
            <p:cNvSpPr/>
            <p:nvPr/>
          </p:nvSpPr>
          <p:spPr>
            <a:xfrm>
              <a:off x="7004049"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3" name="Freeform: Shape 39">
              <a:extLst>
                <a:ext uri="{FF2B5EF4-FFF2-40B4-BE49-F238E27FC236}">
                  <a16:creationId xmlns:a16="http://schemas.microsoft.com/office/drawing/2014/main" id="{4615A1AE-7310-AC83-2077-433BD2E95A4A}"/>
                </a:ext>
              </a:extLst>
            </p:cNvPr>
            <p:cNvSpPr/>
            <p:nvPr/>
          </p:nvSpPr>
          <p:spPr>
            <a:xfrm>
              <a:off x="7004049"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24" name="Freeform: Shape 40">
              <a:extLst>
                <a:ext uri="{FF2B5EF4-FFF2-40B4-BE49-F238E27FC236}">
                  <a16:creationId xmlns:a16="http://schemas.microsoft.com/office/drawing/2014/main" id="{190ED474-4361-1E55-7D8C-611B56C9CFC7}"/>
                </a:ext>
              </a:extLst>
            </p:cNvPr>
            <p:cNvSpPr/>
            <p:nvPr/>
          </p:nvSpPr>
          <p:spPr>
            <a:xfrm>
              <a:off x="6348179"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5" name="Freeform: Shape 41">
              <a:extLst>
                <a:ext uri="{FF2B5EF4-FFF2-40B4-BE49-F238E27FC236}">
                  <a16:creationId xmlns:a16="http://schemas.microsoft.com/office/drawing/2014/main" id="{E962665D-FAD4-0771-C8DF-7717CACAD0E5}"/>
                </a:ext>
              </a:extLst>
            </p:cNvPr>
            <p:cNvSpPr/>
            <p:nvPr/>
          </p:nvSpPr>
          <p:spPr>
            <a:xfrm>
              <a:off x="6348179"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6" name="Freeform: Shape 42">
              <a:extLst>
                <a:ext uri="{FF2B5EF4-FFF2-40B4-BE49-F238E27FC236}">
                  <a16:creationId xmlns:a16="http://schemas.microsoft.com/office/drawing/2014/main" id="{F291C364-8DBE-2788-50E9-A8E58C64071B}"/>
                </a:ext>
              </a:extLst>
            </p:cNvPr>
            <p:cNvSpPr/>
            <p:nvPr/>
          </p:nvSpPr>
          <p:spPr>
            <a:xfrm>
              <a:off x="6348179"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7" name="Freeform: Shape 43">
              <a:extLst>
                <a:ext uri="{FF2B5EF4-FFF2-40B4-BE49-F238E27FC236}">
                  <a16:creationId xmlns:a16="http://schemas.microsoft.com/office/drawing/2014/main" id="{D88DCFED-8C18-7987-45E1-061A730C16A2}"/>
                </a:ext>
              </a:extLst>
            </p:cNvPr>
            <p:cNvSpPr/>
            <p:nvPr/>
          </p:nvSpPr>
          <p:spPr>
            <a:xfrm>
              <a:off x="5692267"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8" name="Freeform: Shape 44">
              <a:extLst>
                <a:ext uri="{FF2B5EF4-FFF2-40B4-BE49-F238E27FC236}">
                  <a16:creationId xmlns:a16="http://schemas.microsoft.com/office/drawing/2014/main" id="{FA53E991-E51C-6AD4-F207-B3B20918DC2F}"/>
                </a:ext>
              </a:extLst>
            </p:cNvPr>
            <p:cNvSpPr/>
            <p:nvPr/>
          </p:nvSpPr>
          <p:spPr>
            <a:xfrm>
              <a:off x="5692267"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1" name="Freeform: Shape 45">
              <a:extLst>
                <a:ext uri="{FF2B5EF4-FFF2-40B4-BE49-F238E27FC236}">
                  <a16:creationId xmlns:a16="http://schemas.microsoft.com/office/drawing/2014/main" id="{99C5D7DF-DF65-3556-A234-40E815D7E224}"/>
                </a:ext>
              </a:extLst>
            </p:cNvPr>
            <p:cNvSpPr/>
            <p:nvPr/>
          </p:nvSpPr>
          <p:spPr>
            <a:xfrm>
              <a:off x="5692267"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33" name="Freeform: Shape 46">
              <a:extLst>
                <a:ext uri="{FF2B5EF4-FFF2-40B4-BE49-F238E27FC236}">
                  <a16:creationId xmlns:a16="http://schemas.microsoft.com/office/drawing/2014/main" id="{F4CBE609-2630-7CC0-1119-8C46B0452875}"/>
                </a:ext>
              </a:extLst>
            </p:cNvPr>
            <p:cNvSpPr/>
            <p:nvPr/>
          </p:nvSpPr>
          <p:spPr>
            <a:xfrm>
              <a:off x="5036396"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4" name="Freeform: Shape 47">
              <a:extLst>
                <a:ext uri="{FF2B5EF4-FFF2-40B4-BE49-F238E27FC236}">
                  <a16:creationId xmlns:a16="http://schemas.microsoft.com/office/drawing/2014/main" id="{FE503DCB-362A-FFA1-F589-89A2489F524E}"/>
                </a:ext>
              </a:extLst>
            </p:cNvPr>
            <p:cNvSpPr/>
            <p:nvPr/>
          </p:nvSpPr>
          <p:spPr>
            <a:xfrm>
              <a:off x="5036396"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5" name="Freeform: Shape 48">
              <a:extLst>
                <a:ext uri="{FF2B5EF4-FFF2-40B4-BE49-F238E27FC236}">
                  <a16:creationId xmlns:a16="http://schemas.microsoft.com/office/drawing/2014/main" id="{BCD60023-9F3F-8D68-89DC-67CEC64F2EC3}"/>
                </a:ext>
              </a:extLst>
            </p:cNvPr>
            <p:cNvSpPr/>
            <p:nvPr/>
          </p:nvSpPr>
          <p:spPr>
            <a:xfrm>
              <a:off x="5036396"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36" name="Freeform: Shape 73">
              <a:extLst>
                <a:ext uri="{FF2B5EF4-FFF2-40B4-BE49-F238E27FC236}">
                  <a16:creationId xmlns:a16="http://schemas.microsoft.com/office/drawing/2014/main" id="{74AA3D0F-90D1-9519-8D1A-201CB314BC49}"/>
                </a:ext>
              </a:extLst>
            </p:cNvPr>
            <p:cNvSpPr/>
            <p:nvPr/>
          </p:nvSpPr>
          <p:spPr>
            <a:xfrm>
              <a:off x="9627658"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7042 w 87502"/>
                <a:gd name="connsiteY6" fmla="*/ 0 h 87503"/>
                <a:gd name="connsiteX7" fmla="*/ 37042 w 87502"/>
                <a:gd name="connsiteY7" fmla="*/ 36999 h 87503"/>
                <a:gd name="connsiteX8" fmla="*/ 0 w 87502"/>
                <a:gd name="connsiteY8" fmla="*/ 36999 h 87503"/>
                <a:gd name="connsiteX9" fmla="*/ 0 w 87502"/>
                <a:gd name="connsiteY9" fmla="*/ 50504 h 87503"/>
                <a:gd name="connsiteX10" fmla="*/ 37042 w 87502"/>
                <a:gd name="connsiteY10" fmla="*/ 50504 h 87503"/>
                <a:gd name="connsiteX11" fmla="*/ 37042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7042" y="0"/>
                  </a:lnTo>
                  <a:lnTo>
                    <a:pt x="37042" y="36999"/>
                  </a:lnTo>
                  <a:lnTo>
                    <a:pt x="0" y="36999"/>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38" name="Freeform: Shape 74">
              <a:extLst>
                <a:ext uri="{FF2B5EF4-FFF2-40B4-BE49-F238E27FC236}">
                  <a16:creationId xmlns:a16="http://schemas.microsoft.com/office/drawing/2014/main" id="{B2B97305-D7A7-5AEE-C3DB-6C3F9A584447}"/>
                </a:ext>
              </a:extLst>
            </p:cNvPr>
            <p:cNvSpPr/>
            <p:nvPr/>
          </p:nvSpPr>
          <p:spPr>
            <a:xfrm>
              <a:off x="9627658"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7042 w 87502"/>
                <a:gd name="connsiteY6" fmla="*/ 0 h 87502"/>
                <a:gd name="connsiteX7" fmla="*/ 37042 w 87502"/>
                <a:gd name="connsiteY7" fmla="*/ 37042 h 87502"/>
                <a:gd name="connsiteX8" fmla="*/ 0 w 87502"/>
                <a:gd name="connsiteY8" fmla="*/ 37042 h 87502"/>
                <a:gd name="connsiteX9" fmla="*/ 0 w 87502"/>
                <a:gd name="connsiteY9" fmla="*/ 50504 h 87502"/>
                <a:gd name="connsiteX10" fmla="*/ 37042 w 87502"/>
                <a:gd name="connsiteY10" fmla="*/ 50504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7042" y="0"/>
                  </a:lnTo>
                  <a:lnTo>
                    <a:pt x="37042" y="37042"/>
                  </a:lnTo>
                  <a:lnTo>
                    <a:pt x="0" y="37042"/>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39" name="Freeform: Shape 75">
              <a:extLst>
                <a:ext uri="{FF2B5EF4-FFF2-40B4-BE49-F238E27FC236}">
                  <a16:creationId xmlns:a16="http://schemas.microsoft.com/office/drawing/2014/main" id="{327C3994-5DE4-55A3-B1DA-588E1D608359}"/>
                </a:ext>
              </a:extLst>
            </p:cNvPr>
            <p:cNvSpPr/>
            <p:nvPr/>
          </p:nvSpPr>
          <p:spPr>
            <a:xfrm>
              <a:off x="9627658"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7042 w 87502"/>
                <a:gd name="connsiteY6" fmla="*/ 0 h 87502"/>
                <a:gd name="connsiteX7" fmla="*/ 37042 w 87502"/>
                <a:gd name="connsiteY7" fmla="*/ 36999 h 87502"/>
                <a:gd name="connsiteX8" fmla="*/ 0 w 87502"/>
                <a:gd name="connsiteY8" fmla="*/ 36999 h 87502"/>
                <a:gd name="connsiteX9" fmla="*/ 0 w 87502"/>
                <a:gd name="connsiteY9" fmla="*/ 50461 h 87502"/>
                <a:gd name="connsiteX10" fmla="*/ 37042 w 87502"/>
                <a:gd name="connsiteY10" fmla="*/ 50461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7042" y="0"/>
                  </a:lnTo>
                  <a:lnTo>
                    <a:pt x="37042" y="36999"/>
                  </a:lnTo>
                  <a:lnTo>
                    <a:pt x="0" y="36999"/>
                  </a:lnTo>
                  <a:lnTo>
                    <a:pt x="0" y="50461"/>
                  </a:lnTo>
                  <a:lnTo>
                    <a:pt x="37042" y="50461"/>
                  </a:lnTo>
                  <a:lnTo>
                    <a:pt x="37042" y="87503"/>
                  </a:lnTo>
                  <a:lnTo>
                    <a:pt x="50503" y="87503"/>
                  </a:lnTo>
                  <a:close/>
                </a:path>
              </a:pathLst>
            </a:custGeom>
            <a:grpFill/>
            <a:ln w="0" cap="flat">
              <a:noFill/>
              <a:prstDash val="solid"/>
              <a:miter/>
            </a:ln>
          </p:spPr>
          <p:txBody>
            <a:bodyPr rtlCol="0" anchor="ctr"/>
            <a:lstStyle/>
            <a:p>
              <a:endParaRPr lang="en-US"/>
            </a:p>
          </p:txBody>
        </p:sp>
        <p:sp>
          <p:nvSpPr>
            <p:cNvPr id="40" name="Freeform: Shape 76">
              <a:extLst>
                <a:ext uri="{FF2B5EF4-FFF2-40B4-BE49-F238E27FC236}">
                  <a16:creationId xmlns:a16="http://schemas.microsoft.com/office/drawing/2014/main" id="{871139C3-0EB5-3FB0-B748-3B9022424415}"/>
                </a:ext>
              </a:extLst>
            </p:cNvPr>
            <p:cNvSpPr/>
            <p:nvPr/>
          </p:nvSpPr>
          <p:spPr>
            <a:xfrm>
              <a:off x="10283570" y="453220"/>
              <a:ext cx="87546" cy="87503"/>
            </a:xfrm>
            <a:custGeom>
              <a:avLst/>
              <a:gdLst>
                <a:gd name="connsiteX0" fmla="*/ 50504 w 87546"/>
                <a:gd name="connsiteY0" fmla="*/ 87503 h 87503"/>
                <a:gd name="connsiteX1" fmla="*/ 50504 w 87546"/>
                <a:gd name="connsiteY1" fmla="*/ 50504 h 87503"/>
                <a:gd name="connsiteX2" fmla="*/ 87546 w 87546"/>
                <a:gd name="connsiteY2" fmla="*/ 50504 h 87503"/>
                <a:gd name="connsiteX3" fmla="*/ 87546 w 87546"/>
                <a:gd name="connsiteY3" fmla="*/ 36999 h 87503"/>
                <a:gd name="connsiteX4" fmla="*/ 50504 w 87546"/>
                <a:gd name="connsiteY4" fmla="*/ 36999 h 87503"/>
                <a:gd name="connsiteX5" fmla="*/ 50504 w 87546"/>
                <a:gd name="connsiteY5" fmla="*/ 0 h 87503"/>
                <a:gd name="connsiteX6" fmla="*/ 37042 w 87546"/>
                <a:gd name="connsiteY6" fmla="*/ 0 h 87503"/>
                <a:gd name="connsiteX7" fmla="*/ 37042 w 87546"/>
                <a:gd name="connsiteY7" fmla="*/ 36999 h 87503"/>
                <a:gd name="connsiteX8" fmla="*/ 0 w 87546"/>
                <a:gd name="connsiteY8" fmla="*/ 36999 h 87503"/>
                <a:gd name="connsiteX9" fmla="*/ 0 w 87546"/>
                <a:gd name="connsiteY9" fmla="*/ 50504 h 87503"/>
                <a:gd name="connsiteX10" fmla="*/ 37042 w 87546"/>
                <a:gd name="connsiteY10" fmla="*/ 50504 h 87503"/>
                <a:gd name="connsiteX11" fmla="*/ 37042 w 87546"/>
                <a:gd name="connsiteY11" fmla="*/ 87503 h 87503"/>
                <a:gd name="connsiteX12" fmla="*/ 50504 w 87546"/>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dirty="0"/>
            </a:p>
          </p:txBody>
        </p:sp>
        <p:sp>
          <p:nvSpPr>
            <p:cNvPr id="41" name="Freeform: Shape 77">
              <a:extLst>
                <a:ext uri="{FF2B5EF4-FFF2-40B4-BE49-F238E27FC236}">
                  <a16:creationId xmlns:a16="http://schemas.microsoft.com/office/drawing/2014/main" id="{E021A8BF-806D-F29F-A16A-8E3AD48162FF}"/>
                </a:ext>
              </a:extLst>
            </p:cNvPr>
            <p:cNvSpPr/>
            <p:nvPr/>
          </p:nvSpPr>
          <p:spPr>
            <a:xfrm>
              <a:off x="10283570" y="1108879"/>
              <a:ext cx="87546" cy="87502"/>
            </a:xfrm>
            <a:custGeom>
              <a:avLst/>
              <a:gdLst>
                <a:gd name="connsiteX0" fmla="*/ 50504 w 87546"/>
                <a:gd name="connsiteY0" fmla="*/ 87503 h 87502"/>
                <a:gd name="connsiteX1" fmla="*/ 50504 w 87546"/>
                <a:gd name="connsiteY1" fmla="*/ 50504 h 87502"/>
                <a:gd name="connsiteX2" fmla="*/ 87546 w 87546"/>
                <a:gd name="connsiteY2" fmla="*/ 50504 h 87502"/>
                <a:gd name="connsiteX3" fmla="*/ 87546 w 87546"/>
                <a:gd name="connsiteY3" fmla="*/ 37042 h 87502"/>
                <a:gd name="connsiteX4" fmla="*/ 50504 w 87546"/>
                <a:gd name="connsiteY4" fmla="*/ 37042 h 87502"/>
                <a:gd name="connsiteX5" fmla="*/ 50504 w 87546"/>
                <a:gd name="connsiteY5" fmla="*/ 0 h 87502"/>
                <a:gd name="connsiteX6" fmla="*/ 37042 w 87546"/>
                <a:gd name="connsiteY6" fmla="*/ 0 h 87502"/>
                <a:gd name="connsiteX7" fmla="*/ 37042 w 87546"/>
                <a:gd name="connsiteY7" fmla="*/ 37042 h 87502"/>
                <a:gd name="connsiteX8" fmla="*/ 0 w 87546"/>
                <a:gd name="connsiteY8" fmla="*/ 37042 h 87502"/>
                <a:gd name="connsiteX9" fmla="*/ 0 w 87546"/>
                <a:gd name="connsiteY9" fmla="*/ 50504 h 87502"/>
                <a:gd name="connsiteX10" fmla="*/ 37042 w 87546"/>
                <a:gd name="connsiteY10" fmla="*/ 50504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42" name="Freeform: Shape 78">
              <a:extLst>
                <a:ext uri="{FF2B5EF4-FFF2-40B4-BE49-F238E27FC236}">
                  <a16:creationId xmlns:a16="http://schemas.microsoft.com/office/drawing/2014/main" id="{60876628-A115-3AF3-9AA6-59AAE870E1E0}"/>
                </a:ext>
              </a:extLst>
            </p:cNvPr>
            <p:cNvSpPr/>
            <p:nvPr/>
          </p:nvSpPr>
          <p:spPr>
            <a:xfrm>
              <a:off x="10283570" y="1765215"/>
              <a:ext cx="87546" cy="87502"/>
            </a:xfrm>
            <a:custGeom>
              <a:avLst/>
              <a:gdLst>
                <a:gd name="connsiteX0" fmla="*/ 50504 w 87546"/>
                <a:gd name="connsiteY0" fmla="*/ 87503 h 87502"/>
                <a:gd name="connsiteX1" fmla="*/ 50504 w 87546"/>
                <a:gd name="connsiteY1" fmla="*/ 50461 h 87502"/>
                <a:gd name="connsiteX2" fmla="*/ 87546 w 87546"/>
                <a:gd name="connsiteY2" fmla="*/ 50461 h 87502"/>
                <a:gd name="connsiteX3" fmla="*/ 87546 w 87546"/>
                <a:gd name="connsiteY3" fmla="*/ 36999 h 87502"/>
                <a:gd name="connsiteX4" fmla="*/ 50504 w 87546"/>
                <a:gd name="connsiteY4" fmla="*/ 36999 h 87502"/>
                <a:gd name="connsiteX5" fmla="*/ 50504 w 87546"/>
                <a:gd name="connsiteY5" fmla="*/ 0 h 87502"/>
                <a:gd name="connsiteX6" fmla="*/ 37042 w 87546"/>
                <a:gd name="connsiteY6" fmla="*/ 0 h 87502"/>
                <a:gd name="connsiteX7" fmla="*/ 37042 w 87546"/>
                <a:gd name="connsiteY7" fmla="*/ 36999 h 87502"/>
                <a:gd name="connsiteX8" fmla="*/ 0 w 87546"/>
                <a:gd name="connsiteY8" fmla="*/ 36999 h 87502"/>
                <a:gd name="connsiteX9" fmla="*/ 0 w 87546"/>
                <a:gd name="connsiteY9" fmla="*/ 50461 h 87502"/>
                <a:gd name="connsiteX10" fmla="*/ 37042 w 87546"/>
                <a:gd name="connsiteY10" fmla="*/ 50461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43" name="Freeform: Shape 79">
              <a:extLst>
                <a:ext uri="{FF2B5EF4-FFF2-40B4-BE49-F238E27FC236}">
                  <a16:creationId xmlns:a16="http://schemas.microsoft.com/office/drawing/2014/main" id="{92B36540-7706-185F-1172-CBEF30D33B5E}"/>
                </a:ext>
              </a:extLst>
            </p:cNvPr>
            <p:cNvSpPr/>
            <p:nvPr/>
          </p:nvSpPr>
          <p:spPr>
            <a:xfrm>
              <a:off x="10939525" y="453220"/>
              <a:ext cx="87503" cy="87503"/>
            </a:xfrm>
            <a:custGeom>
              <a:avLst/>
              <a:gdLst>
                <a:gd name="connsiteX0" fmla="*/ 50462 w 87503"/>
                <a:gd name="connsiteY0" fmla="*/ 87503 h 87503"/>
                <a:gd name="connsiteX1" fmla="*/ 50462 w 87503"/>
                <a:gd name="connsiteY1" fmla="*/ 50504 h 87503"/>
                <a:gd name="connsiteX2" fmla="*/ 87504 w 87503"/>
                <a:gd name="connsiteY2" fmla="*/ 50504 h 87503"/>
                <a:gd name="connsiteX3" fmla="*/ 87504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4" y="50504"/>
                  </a:lnTo>
                  <a:lnTo>
                    <a:pt x="87504"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4" name="Freeform: Shape 80">
              <a:extLst>
                <a:ext uri="{FF2B5EF4-FFF2-40B4-BE49-F238E27FC236}">
                  <a16:creationId xmlns:a16="http://schemas.microsoft.com/office/drawing/2014/main" id="{A5BF44A8-9B4D-692D-BAD2-7667107AE62A}"/>
                </a:ext>
              </a:extLst>
            </p:cNvPr>
            <p:cNvSpPr/>
            <p:nvPr/>
          </p:nvSpPr>
          <p:spPr>
            <a:xfrm>
              <a:off x="10939525" y="1108879"/>
              <a:ext cx="87503" cy="87502"/>
            </a:xfrm>
            <a:custGeom>
              <a:avLst/>
              <a:gdLst>
                <a:gd name="connsiteX0" fmla="*/ 50462 w 87503"/>
                <a:gd name="connsiteY0" fmla="*/ 87503 h 87502"/>
                <a:gd name="connsiteX1" fmla="*/ 50462 w 87503"/>
                <a:gd name="connsiteY1" fmla="*/ 50504 h 87502"/>
                <a:gd name="connsiteX2" fmla="*/ 87504 w 87503"/>
                <a:gd name="connsiteY2" fmla="*/ 50504 h 87502"/>
                <a:gd name="connsiteX3" fmla="*/ 87504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4" y="50504"/>
                  </a:lnTo>
                  <a:lnTo>
                    <a:pt x="87504"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5" name="Freeform: Shape 81">
              <a:extLst>
                <a:ext uri="{FF2B5EF4-FFF2-40B4-BE49-F238E27FC236}">
                  <a16:creationId xmlns:a16="http://schemas.microsoft.com/office/drawing/2014/main" id="{7C6321DF-065E-41FF-010D-920EDCA8FA8D}"/>
                </a:ext>
              </a:extLst>
            </p:cNvPr>
            <p:cNvSpPr/>
            <p:nvPr/>
          </p:nvSpPr>
          <p:spPr>
            <a:xfrm>
              <a:off x="10939525" y="1765215"/>
              <a:ext cx="87503" cy="87502"/>
            </a:xfrm>
            <a:custGeom>
              <a:avLst/>
              <a:gdLst>
                <a:gd name="connsiteX0" fmla="*/ 50462 w 87503"/>
                <a:gd name="connsiteY0" fmla="*/ 87503 h 87502"/>
                <a:gd name="connsiteX1" fmla="*/ 50462 w 87503"/>
                <a:gd name="connsiteY1" fmla="*/ 50461 h 87502"/>
                <a:gd name="connsiteX2" fmla="*/ 87504 w 87503"/>
                <a:gd name="connsiteY2" fmla="*/ 50461 h 87502"/>
                <a:gd name="connsiteX3" fmla="*/ 87504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4" y="50461"/>
                  </a:lnTo>
                  <a:lnTo>
                    <a:pt x="87504"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46" name="Freeform: Shape 82">
              <a:extLst>
                <a:ext uri="{FF2B5EF4-FFF2-40B4-BE49-F238E27FC236}">
                  <a16:creationId xmlns:a16="http://schemas.microsoft.com/office/drawing/2014/main" id="{8AF31BDD-CCC1-B35C-51FD-0E84CD9CA935}"/>
                </a:ext>
              </a:extLst>
            </p:cNvPr>
            <p:cNvSpPr/>
            <p:nvPr/>
          </p:nvSpPr>
          <p:spPr>
            <a:xfrm>
              <a:off x="11595438" y="453220"/>
              <a:ext cx="87502" cy="87503"/>
            </a:xfrm>
            <a:custGeom>
              <a:avLst/>
              <a:gdLst>
                <a:gd name="connsiteX0" fmla="*/ 50461 w 87502"/>
                <a:gd name="connsiteY0" fmla="*/ 87503 h 87503"/>
                <a:gd name="connsiteX1" fmla="*/ 50461 w 87502"/>
                <a:gd name="connsiteY1" fmla="*/ 50504 h 87503"/>
                <a:gd name="connsiteX2" fmla="*/ 87503 w 87502"/>
                <a:gd name="connsiteY2" fmla="*/ 50504 h 87503"/>
                <a:gd name="connsiteX3" fmla="*/ 87503 w 87502"/>
                <a:gd name="connsiteY3" fmla="*/ 36999 h 87503"/>
                <a:gd name="connsiteX4" fmla="*/ 50461 w 87502"/>
                <a:gd name="connsiteY4" fmla="*/ 36999 h 87503"/>
                <a:gd name="connsiteX5" fmla="*/ 50461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461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461" y="87503"/>
                  </a:moveTo>
                  <a:lnTo>
                    <a:pt x="50461" y="50504"/>
                  </a:lnTo>
                  <a:lnTo>
                    <a:pt x="87503" y="50504"/>
                  </a:lnTo>
                  <a:lnTo>
                    <a:pt x="87503" y="36999"/>
                  </a:lnTo>
                  <a:lnTo>
                    <a:pt x="50461" y="36999"/>
                  </a:lnTo>
                  <a:lnTo>
                    <a:pt x="50461" y="0"/>
                  </a:lnTo>
                  <a:lnTo>
                    <a:pt x="36999" y="0"/>
                  </a:lnTo>
                  <a:lnTo>
                    <a:pt x="36999" y="36999"/>
                  </a:lnTo>
                  <a:lnTo>
                    <a:pt x="0" y="36999"/>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7" name="Freeform: Shape 83">
              <a:extLst>
                <a:ext uri="{FF2B5EF4-FFF2-40B4-BE49-F238E27FC236}">
                  <a16:creationId xmlns:a16="http://schemas.microsoft.com/office/drawing/2014/main" id="{759FF810-1DBF-4672-9278-9334B38984CA}"/>
                </a:ext>
              </a:extLst>
            </p:cNvPr>
            <p:cNvSpPr/>
            <p:nvPr/>
          </p:nvSpPr>
          <p:spPr>
            <a:xfrm>
              <a:off x="11595438" y="1108879"/>
              <a:ext cx="87502" cy="87502"/>
            </a:xfrm>
            <a:custGeom>
              <a:avLst/>
              <a:gdLst>
                <a:gd name="connsiteX0" fmla="*/ 50461 w 87502"/>
                <a:gd name="connsiteY0" fmla="*/ 87503 h 87502"/>
                <a:gd name="connsiteX1" fmla="*/ 50461 w 87502"/>
                <a:gd name="connsiteY1" fmla="*/ 50504 h 87502"/>
                <a:gd name="connsiteX2" fmla="*/ 87503 w 87502"/>
                <a:gd name="connsiteY2" fmla="*/ 50504 h 87502"/>
                <a:gd name="connsiteX3" fmla="*/ 87503 w 87502"/>
                <a:gd name="connsiteY3" fmla="*/ 37042 h 87502"/>
                <a:gd name="connsiteX4" fmla="*/ 50461 w 87502"/>
                <a:gd name="connsiteY4" fmla="*/ 37042 h 87502"/>
                <a:gd name="connsiteX5" fmla="*/ 50461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504"/>
                  </a:lnTo>
                  <a:lnTo>
                    <a:pt x="87503" y="50504"/>
                  </a:lnTo>
                  <a:lnTo>
                    <a:pt x="87503" y="37042"/>
                  </a:lnTo>
                  <a:lnTo>
                    <a:pt x="50461" y="37042"/>
                  </a:lnTo>
                  <a:lnTo>
                    <a:pt x="50461" y="0"/>
                  </a:lnTo>
                  <a:lnTo>
                    <a:pt x="36999" y="0"/>
                  </a:lnTo>
                  <a:lnTo>
                    <a:pt x="36999" y="37042"/>
                  </a:lnTo>
                  <a:lnTo>
                    <a:pt x="0" y="37042"/>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8" name="Freeform: Shape 84">
              <a:extLst>
                <a:ext uri="{FF2B5EF4-FFF2-40B4-BE49-F238E27FC236}">
                  <a16:creationId xmlns:a16="http://schemas.microsoft.com/office/drawing/2014/main" id="{A8218DF5-2581-5702-F3A6-132F5372EDA8}"/>
                </a:ext>
              </a:extLst>
            </p:cNvPr>
            <p:cNvSpPr/>
            <p:nvPr/>
          </p:nvSpPr>
          <p:spPr>
            <a:xfrm>
              <a:off x="11595438" y="1765215"/>
              <a:ext cx="87502" cy="87502"/>
            </a:xfrm>
            <a:custGeom>
              <a:avLst/>
              <a:gdLst>
                <a:gd name="connsiteX0" fmla="*/ 50461 w 87502"/>
                <a:gd name="connsiteY0" fmla="*/ 87503 h 87502"/>
                <a:gd name="connsiteX1" fmla="*/ 50461 w 87502"/>
                <a:gd name="connsiteY1" fmla="*/ 50461 h 87502"/>
                <a:gd name="connsiteX2" fmla="*/ 87503 w 87502"/>
                <a:gd name="connsiteY2" fmla="*/ 50461 h 87502"/>
                <a:gd name="connsiteX3" fmla="*/ 87503 w 87502"/>
                <a:gd name="connsiteY3" fmla="*/ 36999 h 87502"/>
                <a:gd name="connsiteX4" fmla="*/ 50461 w 87502"/>
                <a:gd name="connsiteY4" fmla="*/ 36999 h 87502"/>
                <a:gd name="connsiteX5" fmla="*/ 50461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461"/>
                  </a:lnTo>
                  <a:lnTo>
                    <a:pt x="87503" y="50461"/>
                  </a:lnTo>
                  <a:lnTo>
                    <a:pt x="87503" y="36999"/>
                  </a:lnTo>
                  <a:lnTo>
                    <a:pt x="50461" y="36999"/>
                  </a:lnTo>
                  <a:lnTo>
                    <a:pt x="50461" y="0"/>
                  </a:lnTo>
                  <a:lnTo>
                    <a:pt x="36999" y="0"/>
                  </a:lnTo>
                  <a:lnTo>
                    <a:pt x="36999" y="36999"/>
                  </a:lnTo>
                  <a:lnTo>
                    <a:pt x="0" y="36999"/>
                  </a:lnTo>
                  <a:lnTo>
                    <a:pt x="0" y="50461"/>
                  </a:lnTo>
                  <a:lnTo>
                    <a:pt x="36999" y="50461"/>
                  </a:lnTo>
                  <a:lnTo>
                    <a:pt x="36999" y="87503"/>
                  </a:lnTo>
                  <a:lnTo>
                    <a:pt x="50461" y="87503"/>
                  </a:lnTo>
                  <a:close/>
                </a:path>
              </a:pathLst>
            </a:custGeom>
            <a:grpFill/>
            <a:ln w="0" cap="flat">
              <a:noFill/>
              <a:prstDash val="solid"/>
              <a:miter/>
            </a:ln>
          </p:spPr>
          <p:txBody>
            <a:bodyPr rtlCol="0" anchor="ctr"/>
            <a:lstStyle/>
            <a:p>
              <a:endParaRPr lang="en-US"/>
            </a:p>
          </p:txBody>
        </p:sp>
      </p:grpSp>
      <p:sp>
        <p:nvSpPr>
          <p:cNvPr id="6" name="Slide Number Placeholder 5">
            <a:extLst>
              <a:ext uri="{FF2B5EF4-FFF2-40B4-BE49-F238E27FC236}">
                <a16:creationId xmlns:a16="http://schemas.microsoft.com/office/drawing/2014/main" id="{70DA6776-2740-241C-2B98-87CB7655F9EC}"/>
              </a:ext>
            </a:extLst>
          </p:cNvPr>
          <p:cNvSpPr>
            <a:spLocks noGrp="1"/>
          </p:cNvSpPr>
          <p:nvPr>
            <p:ph type="sldNum" sz="quarter" idx="19"/>
          </p:nvPr>
        </p:nvSpPr>
        <p:spPr/>
        <p:txBody>
          <a:bodyPr/>
          <a:lstStyle/>
          <a:p>
            <a:fld id="{23AA811B-2EBD-4900-905E-5BE206449611}" type="slidenum">
              <a:rPr lang="en-US" smtClean="0"/>
              <a:pPr/>
              <a:t>3</a:t>
            </a:fld>
            <a:endParaRPr lang="en-US" dirty="0"/>
          </a:p>
        </p:txBody>
      </p:sp>
      <p:sp>
        <p:nvSpPr>
          <p:cNvPr id="7" name="Date Placeholder 6">
            <a:extLst>
              <a:ext uri="{FF2B5EF4-FFF2-40B4-BE49-F238E27FC236}">
                <a16:creationId xmlns:a16="http://schemas.microsoft.com/office/drawing/2014/main" id="{808B5436-E978-428B-503C-49075E5E8B39}"/>
              </a:ext>
            </a:extLst>
          </p:cNvPr>
          <p:cNvSpPr>
            <a:spLocks noGrp="1"/>
          </p:cNvSpPr>
          <p:nvPr>
            <p:ph type="dt" sz="half" idx="13"/>
          </p:nvPr>
        </p:nvSpPr>
        <p:spPr/>
        <p:txBody>
          <a:bodyPr/>
          <a:lstStyle/>
          <a:p>
            <a:fld id="{B118041E-2DAD-480C-AEE4-E661A097CFE4}" type="datetime1">
              <a:rPr lang="en-US" smtClean="0"/>
              <a:t>7/26/2024</a:t>
            </a:fld>
            <a:endParaRPr lang="en-US" dirty="0"/>
          </a:p>
        </p:txBody>
      </p:sp>
      <p:pic>
        <p:nvPicPr>
          <p:cNvPr id="9" name="Picture 8">
            <a:extLst>
              <a:ext uri="{FF2B5EF4-FFF2-40B4-BE49-F238E27FC236}">
                <a16:creationId xmlns:a16="http://schemas.microsoft.com/office/drawing/2014/main" id="{A645D423-6DE6-E37C-6C40-39360A19755B}"/>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6187414" y="631309"/>
            <a:ext cx="4690264" cy="2532629"/>
          </a:xfrm>
          <a:prstGeom prst="rect">
            <a:avLst/>
          </a:prstGeom>
        </p:spPr>
      </p:pic>
      <p:pic>
        <p:nvPicPr>
          <p:cNvPr id="11" name="Picture 10">
            <a:extLst>
              <a:ext uri="{FF2B5EF4-FFF2-40B4-BE49-F238E27FC236}">
                <a16:creationId xmlns:a16="http://schemas.microsoft.com/office/drawing/2014/main" id="{A4DECC02-7851-636A-D6E2-029AB8C297A3}"/>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6200113" y="3438757"/>
            <a:ext cx="4690265" cy="2704155"/>
          </a:xfrm>
          <a:prstGeom prst="rect">
            <a:avLst/>
          </a:prstGeom>
        </p:spPr>
      </p:pic>
      <p:sp>
        <p:nvSpPr>
          <p:cNvPr id="54" name="Rectangle: Single Corner Rounded 35">
            <a:extLst>
              <a:ext uri="{FF2B5EF4-FFF2-40B4-BE49-F238E27FC236}">
                <a16:creationId xmlns:a16="http://schemas.microsoft.com/office/drawing/2014/main" id="{7264A774-878D-AA98-07D6-4C8011319662}"/>
              </a:ext>
            </a:extLst>
          </p:cNvPr>
          <p:cNvSpPr/>
          <p:nvPr/>
        </p:nvSpPr>
        <p:spPr>
          <a:xfrm>
            <a:off x="1530388" y="0"/>
            <a:ext cx="3278306" cy="6858000"/>
          </a:xfrm>
          <a:prstGeom prst="round1Rect">
            <a:avLst>
              <a:gd name="adj" fmla="val 21969"/>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9" name="Title 28">
            <a:extLst>
              <a:ext uri="{FF2B5EF4-FFF2-40B4-BE49-F238E27FC236}">
                <a16:creationId xmlns:a16="http://schemas.microsoft.com/office/drawing/2014/main" id="{86E7C752-D4CC-0754-6E73-216D13D51344}"/>
              </a:ext>
            </a:extLst>
          </p:cNvPr>
          <p:cNvSpPr>
            <a:spLocks noGrp="1"/>
          </p:cNvSpPr>
          <p:nvPr>
            <p:ph type="title"/>
          </p:nvPr>
        </p:nvSpPr>
        <p:spPr>
          <a:xfrm>
            <a:off x="360000" y="533211"/>
            <a:ext cx="4743641" cy="1166400"/>
          </a:xfrm>
        </p:spPr>
        <p:txBody>
          <a:bodyPr/>
          <a:lstStyle/>
          <a:p>
            <a:r>
              <a:rPr lang="en-US" dirty="0"/>
              <a:t>Schedule a P2P Request </a:t>
            </a:r>
            <a:r>
              <a:rPr lang="en-US" sz="1400" dirty="0"/>
              <a:t>(</a:t>
            </a:r>
            <a:r>
              <a:rPr lang="en-US" sz="1400" dirty="0" err="1"/>
              <a:t>con’t</a:t>
            </a:r>
            <a:r>
              <a:rPr lang="en-US" sz="1400" dirty="0"/>
              <a:t>.)</a:t>
            </a:r>
          </a:p>
        </p:txBody>
      </p:sp>
      <p:sp>
        <p:nvSpPr>
          <p:cNvPr id="52" name="Text Placeholder 51">
            <a:extLst>
              <a:ext uri="{FF2B5EF4-FFF2-40B4-BE49-F238E27FC236}">
                <a16:creationId xmlns:a16="http://schemas.microsoft.com/office/drawing/2014/main" id="{DDB14A33-1CA1-27F8-ED9F-6DFFFE43D0E8}"/>
              </a:ext>
            </a:extLst>
          </p:cNvPr>
          <p:cNvSpPr>
            <a:spLocks noGrp="1"/>
          </p:cNvSpPr>
          <p:nvPr>
            <p:ph type="body" sz="quarter" idx="17"/>
          </p:nvPr>
        </p:nvSpPr>
        <p:spPr>
          <a:xfrm>
            <a:off x="360000" y="296574"/>
            <a:ext cx="4696909" cy="236636"/>
          </a:xfrm>
        </p:spPr>
        <p:txBody>
          <a:bodyPr/>
          <a:lstStyle/>
          <a:p>
            <a:r>
              <a:rPr lang="en-US" dirty="0"/>
              <a:t>Provider Resources</a:t>
            </a:r>
          </a:p>
          <a:p>
            <a:endParaRPr lang="en-US" dirty="0"/>
          </a:p>
        </p:txBody>
      </p:sp>
      <p:sp>
        <p:nvSpPr>
          <p:cNvPr id="30" name="Content Placeholder 29">
            <a:extLst>
              <a:ext uri="{FF2B5EF4-FFF2-40B4-BE49-F238E27FC236}">
                <a16:creationId xmlns:a16="http://schemas.microsoft.com/office/drawing/2014/main" id="{BDEDC7F6-76E6-6201-D50D-BD1E0F012D27}"/>
              </a:ext>
            </a:extLst>
          </p:cNvPr>
          <p:cNvSpPr>
            <a:spLocks noGrp="1"/>
          </p:cNvSpPr>
          <p:nvPr>
            <p:ph idx="1"/>
          </p:nvPr>
        </p:nvSpPr>
        <p:spPr>
          <a:xfrm>
            <a:off x="360001" y="1507820"/>
            <a:ext cx="4262732" cy="4042800"/>
          </a:xfrm>
        </p:spPr>
        <p:txBody>
          <a:bodyPr/>
          <a:lstStyle/>
          <a:p>
            <a:pPr marL="182880" indent="-182880">
              <a:buClr>
                <a:schemeClr val="tx2"/>
              </a:buClr>
              <a:buFont typeface="+mj-lt"/>
              <a:buAutoNum type="arabicPeriod"/>
            </a:pPr>
            <a:r>
              <a:rPr lang="en-US" sz="1600" dirty="0">
                <a:solidFill>
                  <a:schemeClr val="accent4"/>
                </a:solidFill>
              </a:rPr>
              <a:t>Upon first login, you will be asked to confirm your default time zone</a:t>
            </a:r>
          </a:p>
          <a:p>
            <a:pPr marL="182880" lvl="0" indent="-182880">
              <a:buClr>
                <a:schemeClr val="tx2"/>
              </a:buClr>
              <a:buFont typeface="+mj-lt"/>
              <a:buAutoNum type="arabicPeriod"/>
            </a:pPr>
            <a:r>
              <a:rPr lang="en-US" sz="1600" dirty="0">
                <a:solidFill>
                  <a:schemeClr val="accent4"/>
                </a:solidFill>
              </a:rPr>
              <a:t>You will be presented with the Case Number and Member Date of Birth</a:t>
            </a:r>
          </a:p>
          <a:p>
            <a:pPr marL="182880" indent="-182880">
              <a:buClr>
                <a:schemeClr val="tx2"/>
              </a:buClr>
              <a:buFont typeface="+mj-lt"/>
              <a:buAutoNum type="arabicPeriod"/>
            </a:pPr>
            <a:r>
              <a:rPr lang="en-US" sz="1600" dirty="0">
                <a:solidFill>
                  <a:schemeClr val="accent4"/>
                </a:solidFill>
              </a:rPr>
              <a:t>Add another case for the same Peer-to-Peer appointment request by selecting </a:t>
            </a:r>
            <a:r>
              <a:rPr lang="en-US" sz="1600" b="1" dirty="0">
                <a:solidFill>
                  <a:schemeClr val="accent4"/>
                </a:solidFill>
              </a:rPr>
              <a:t>Add Another Case</a:t>
            </a:r>
          </a:p>
          <a:p>
            <a:pPr marL="182880" indent="-182880">
              <a:buClr>
                <a:schemeClr val="tx2"/>
              </a:buClr>
              <a:buFont typeface="+mj-lt"/>
              <a:buAutoNum type="arabicPeriod"/>
            </a:pPr>
            <a:r>
              <a:rPr lang="en-US" sz="1600" dirty="0">
                <a:solidFill>
                  <a:schemeClr val="accent4"/>
                </a:solidFill>
              </a:rPr>
              <a:t>To proceed, select </a:t>
            </a:r>
            <a:r>
              <a:rPr lang="en-US" sz="1600" b="1" dirty="0">
                <a:solidFill>
                  <a:schemeClr val="accent4"/>
                </a:solidFill>
              </a:rPr>
              <a:t>Lookup Cases</a:t>
            </a:r>
            <a:endParaRPr lang="en-US" sz="1600" b="1" dirty="0">
              <a:solidFill>
                <a:schemeClr val="accent4"/>
              </a:solidFill>
              <a:ea typeface="ＭＳ Ｐゴシック" charset="0"/>
            </a:endParaRPr>
          </a:p>
          <a:p>
            <a:pPr marL="182880" indent="-182880">
              <a:buClr>
                <a:schemeClr val="tx2"/>
              </a:buClr>
              <a:buFont typeface="+mj-lt"/>
              <a:buAutoNum type="arabicPeriod"/>
            </a:pPr>
            <a:r>
              <a:rPr lang="en-US" sz="1600" dirty="0">
                <a:solidFill>
                  <a:schemeClr val="accent4"/>
                </a:solidFill>
                <a:ea typeface="ＭＳ Ｐゴシック" charset="0"/>
              </a:rPr>
              <a:t>You will receive a confirmation screen with member and case information, including the Level of Review for the case in question</a:t>
            </a:r>
          </a:p>
          <a:p>
            <a:pPr marL="182880" indent="-182880">
              <a:buClr>
                <a:schemeClr val="tx2"/>
              </a:buClr>
              <a:buFont typeface="+mj-lt"/>
              <a:buAutoNum type="arabicPeriod"/>
            </a:pPr>
            <a:r>
              <a:rPr lang="en-US" sz="1600" dirty="0">
                <a:solidFill>
                  <a:schemeClr val="accent4"/>
                </a:solidFill>
                <a:ea typeface="ＭＳ Ｐゴシック" charset="0"/>
              </a:rPr>
              <a:t>Click </a:t>
            </a:r>
            <a:r>
              <a:rPr lang="en-US" sz="1600" b="1" dirty="0">
                <a:solidFill>
                  <a:schemeClr val="accent4"/>
                </a:solidFill>
                <a:ea typeface="ＭＳ Ｐゴシック" charset="0"/>
              </a:rPr>
              <a:t>Continue</a:t>
            </a:r>
            <a:r>
              <a:rPr lang="en-US" sz="1600" dirty="0">
                <a:solidFill>
                  <a:schemeClr val="accent4"/>
                </a:solidFill>
                <a:ea typeface="ＭＳ Ｐゴシック" charset="0"/>
              </a:rPr>
              <a:t> to proceed</a:t>
            </a:r>
          </a:p>
        </p:txBody>
      </p:sp>
      <p:sp>
        <p:nvSpPr>
          <p:cNvPr id="5" name="Slide Number Placeholder 9">
            <a:extLst>
              <a:ext uri="{FF2B5EF4-FFF2-40B4-BE49-F238E27FC236}">
                <a16:creationId xmlns:a16="http://schemas.microsoft.com/office/drawing/2014/main" id="{F064C97E-D98E-1ED7-7D02-4B7247F1C324}"/>
              </a:ext>
            </a:extLst>
          </p:cNvPr>
          <p:cNvSpPr txBox="1">
            <a:spLocks/>
          </p:cNvSpPr>
          <p:nvPr/>
        </p:nvSpPr>
        <p:spPr>
          <a:xfrm>
            <a:off x="11561374" y="6364800"/>
            <a:ext cx="266400" cy="180000"/>
          </a:xfrm>
          <a:prstGeom prst="rect">
            <a:avLst/>
          </a:prstGeom>
        </p:spPr>
        <p:txBody>
          <a:bodyPr vert="horz" lIns="0" tIns="0" rIns="0" bIns="0" rtlCol="0" anchor="b" anchorCtr="0"/>
          <a:lstStyle>
            <a:defPPr>
              <a:defRPr lang="en-US"/>
            </a:defPPr>
            <a:lvl1pPr algn="r" defTabSz="457200" rtl="0" eaLnBrk="0" fontAlgn="base" hangingPunct="0">
              <a:lnSpc>
                <a:spcPct val="90000"/>
              </a:lnSpc>
              <a:spcBef>
                <a:spcPct val="0"/>
              </a:spcBef>
              <a:spcAft>
                <a:spcPct val="0"/>
              </a:spcAft>
              <a:defRPr sz="800" kern="1200" spc="80" baseline="0">
                <a:solidFill>
                  <a:srgbClr val="035C67"/>
                </a:solidFill>
                <a:latin typeface="+mn-lt"/>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23AA811B-2EBD-4900-905E-5BE206449611}" type="slidenum">
              <a:rPr lang="en-US" smtClean="0">
                <a:solidFill>
                  <a:schemeClr val="bg2"/>
                </a:solidFill>
              </a:rPr>
              <a:pPr/>
              <a:t>3</a:t>
            </a:fld>
            <a:endParaRPr lang="en-US" dirty="0">
              <a:solidFill>
                <a:schemeClr val="bg2"/>
              </a:solidFill>
            </a:endParaRPr>
          </a:p>
        </p:txBody>
      </p:sp>
      <p:sp>
        <p:nvSpPr>
          <p:cNvPr id="32" name="Date Placeholder 6">
            <a:extLst>
              <a:ext uri="{FF2B5EF4-FFF2-40B4-BE49-F238E27FC236}">
                <a16:creationId xmlns:a16="http://schemas.microsoft.com/office/drawing/2014/main" id="{876753C0-AD60-081B-A1E6-CDF157A6DDE6}"/>
              </a:ext>
            </a:extLst>
          </p:cNvPr>
          <p:cNvSpPr txBox="1">
            <a:spLocks/>
          </p:cNvSpPr>
          <p:nvPr/>
        </p:nvSpPr>
        <p:spPr>
          <a:xfrm>
            <a:off x="10630800" y="6364800"/>
            <a:ext cx="691200" cy="180000"/>
          </a:xfrm>
          <a:prstGeom prst="rect">
            <a:avLst/>
          </a:prstGeom>
        </p:spPr>
        <p:txBody>
          <a:bodyPr vert="horz" lIns="0" tIns="0" rIns="0" bIns="0" rtlCol="0" anchor="b" anchorCtr="0"/>
          <a:lstStyle>
            <a:defPPr>
              <a:defRPr lang="en-US"/>
            </a:defPPr>
            <a:lvl1pPr algn="r" defTabSz="457200" rtl="0" eaLnBrk="0" fontAlgn="base" hangingPunct="0">
              <a:spcBef>
                <a:spcPct val="0"/>
              </a:spcBef>
              <a:spcAft>
                <a:spcPct val="0"/>
              </a:spcAft>
              <a:defRPr sz="800" kern="1200">
                <a:solidFill>
                  <a:srgbClr val="035C67"/>
                </a:solidFill>
                <a:latin typeface="Arial" panose="020B0604020202020204" pitchFamily="34" charset="0"/>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5DC5082E-2538-4C43-B98E-BD181BFDFAF9}" type="datetime1">
              <a:rPr lang="en-US" smtClean="0">
                <a:solidFill>
                  <a:schemeClr val="bg2"/>
                </a:solidFill>
              </a:rPr>
              <a:pPr/>
              <a:t>7/26/2024</a:t>
            </a:fld>
            <a:endParaRPr lang="en-US" dirty="0">
              <a:solidFill>
                <a:schemeClr val="bg2"/>
              </a:solidFill>
            </a:endParaRPr>
          </a:p>
        </p:txBody>
      </p:sp>
      <p:sp>
        <p:nvSpPr>
          <p:cNvPr id="37" name="Legal dynamic" descr="{&quot;templafy&quot;:{&quot;id&quot;:&quot;aa68e427-5bc3-493e-b5cc-087f9adfba53&quot;}}" title="Form.Cigna_Confidentiality.EvernorthConfidentiality">
            <a:extLst>
              <a:ext uri="{FF2B5EF4-FFF2-40B4-BE49-F238E27FC236}">
                <a16:creationId xmlns:a16="http://schemas.microsoft.com/office/drawing/2014/main" id="{46849524-33CC-FC66-DE72-DE661DC67B4E}"/>
              </a:ext>
            </a:extLst>
          </p:cNvPr>
          <p:cNvSpPr/>
          <p:nvPr/>
        </p:nvSpPr>
        <p:spPr>
          <a:xfrm>
            <a:off x="6075680" y="62136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8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Tree>
    <p:extLst>
      <p:ext uri="{BB962C8B-B14F-4D97-AF65-F5344CB8AC3E}">
        <p14:creationId xmlns:p14="http://schemas.microsoft.com/office/powerpoint/2010/main" val="38862906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D5325F24-BCC4-8468-0F4E-AC3EAB44BD44}"/>
              </a:ext>
            </a:extLst>
          </p:cNvPr>
          <p:cNvSpPr/>
          <p:nvPr/>
        </p:nvSpPr>
        <p:spPr>
          <a:xfrm>
            <a:off x="3507129" y="0"/>
            <a:ext cx="8684871"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12" name="Group 11">
            <a:extLst>
              <a:ext uri="{FF2B5EF4-FFF2-40B4-BE49-F238E27FC236}">
                <a16:creationId xmlns:a16="http://schemas.microsoft.com/office/drawing/2014/main" id="{C24C1550-9909-5F0C-24BE-1AE3FB522146}"/>
              </a:ext>
            </a:extLst>
          </p:cNvPr>
          <p:cNvGrpSpPr/>
          <p:nvPr/>
        </p:nvGrpSpPr>
        <p:grpSpPr>
          <a:xfrm>
            <a:off x="5191144" y="360622"/>
            <a:ext cx="6646544" cy="1399497"/>
            <a:chOff x="5036396" y="453220"/>
            <a:chExt cx="6646544" cy="1399497"/>
          </a:xfrm>
          <a:solidFill>
            <a:schemeClr val="accent2"/>
          </a:solidFill>
        </p:grpSpPr>
        <p:sp>
          <p:nvSpPr>
            <p:cNvPr id="13" name="Freeform: Shape 24">
              <a:extLst>
                <a:ext uri="{FF2B5EF4-FFF2-40B4-BE49-F238E27FC236}">
                  <a16:creationId xmlns:a16="http://schemas.microsoft.com/office/drawing/2014/main" id="{F2A3433D-2B5E-A5BB-2979-6F9B1B8A88B9}"/>
                </a:ext>
              </a:extLst>
            </p:cNvPr>
            <p:cNvSpPr/>
            <p:nvPr/>
          </p:nvSpPr>
          <p:spPr>
            <a:xfrm>
              <a:off x="8971745"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6999" y="0"/>
                  </a:lnTo>
                  <a:lnTo>
                    <a:pt x="36999" y="36999"/>
                  </a:lnTo>
                  <a:lnTo>
                    <a:pt x="0" y="36999"/>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4" name="Freeform: Shape 26">
              <a:extLst>
                <a:ext uri="{FF2B5EF4-FFF2-40B4-BE49-F238E27FC236}">
                  <a16:creationId xmlns:a16="http://schemas.microsoft.com/office/drawing/2014/main" id="{4CF9B35F-F66F-D117-5EDD-C8D15FEAFB2D}"/>
                </a:ext>
              </a:extLst>
            </p:cNvPr>
            <p:cNvSpPr/>
            <p:nvPr/>
          </p:nvSpPr>
          <p:spPr>
            <a:xfrm>
              <a:off x="8971745"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6999" y="0"/>
                  </a:lnTo>
                  <a:lnTo>
                    <a:pt x="36999" y="37042"/>
                  </a:lnTo>
                  <a:lnTo>
                    <a:pt x="0" y="37042"/>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5" name="Freeform: Shape 27">
              <a:extLst>
                <a:ext uri="{FF2B5EF4-FFF2-40B4-BE49-F238E27FC236}">
                  <a16:creationId xmlns:a16="http://schemas.microsoft.com/office/drawing/2014/main" id="{F819A18C-93C8-3A5E-1629-473D9C645C3D}"/>
                </a:ext>
              </a:extLst>
            </p:cNvPr>
            <p:cNvSpPr/>
            <p:nvPr/>
          </p:nvSpPr>
          <p:spPr>
            <a:xfrm>
              <a:off x="8971745"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6999" y="0"/>
                  </a:lnTo>
                  <a:lnTo>
                    <a:pt x="36999" y="36999"/>
                  </a:lnTo>
                  <a:lnTo>
                    <a:pt x="0" y="36999"/>
                  </a:lnTo>
                  <a:lnTo>
                    <a:pt x="0" y="50461"/>
                  </a:lnTo>
                  <a:lnTo>
                    <a:pt x="36999" y="50461"/>
                  </a:lnTo>
                  <a:lnTo>
                    <a:pt x="36999" y="87503"/>
                  </a:lnTo>
                  <a:lnTo>
                    <a:pt x="50503" y="87503"/>
                  </a:lnTo>
                  <a:close/>
                </a:path>
              </a:pathLst>
            </a:custGeom>
            <a:grpFill/>
            <a:ln w="0" cap="flat">
              <a:noFill/>
              <a:prstDash val="solid"/>
              <a:miter/>
            </a:ln>
          </p:spPr>
          <p:txBody>
            <a:bodyPr rtlCol="0" anchor="ctr"/>
            <a:lstStyle/>
            <a:p>
              <a:endParaRPr lang="en-US"/>
            </a:p>
          </p:txBody>
        </p:sp>
        <p:sp>
          <p:nvSpPr>
            <p:cNvPr id="16" name="Freeform: Shape 28">
              <a:extLst>
                <a:ext uri="{FF2B5EF4-FFF2-40B4-BE49-F238E27FC236}">
                  <a16:creationId xmlns:a16="http://schemas.microsoft.com/office/drawing/2014/main" id="{F028D52C-F845-A634-5383-DA1FB04CE49F}"/>
                </a:ext>
              </a:extLst>
            </p:cNvPr>
            <p:cNvSpPr/>
            <p:nvPr/>
          </p:nvSpPr>
          <p:spPr>
            <a:xfrm>
              <a:off x="8315832" y="453220"/>
              <a:ext cx="87545" cy="87503"/>
            </a:xfrm>
            <a:custGeom>
              <a:avLst/>
              <a:gdLst>
                <a:gd name="connsiteX0" fmla="*/ 50504 w 87545"/>
                <a:gd name="connsiteY0" fmla="*/ 87503 h 87503"/>
                <a:gd name="connsiteX1" fmla="*/ 50504 w 87545"/>
                <a:gd name="connsiteY1" fmla="*/ 50504 h 87503"/>
                <a:gd name="connsiteX2" fmla="*/ 87546 w 87545"/>
                <a:gd name="connsiteY2" fmla="*/ 50504 h 87503"/>
                <a:gd name="connsiteX3" fmla="*/ 87546 w 87545"/>
                <a:gd name="connsiteY3" fmla="*/ 36999 h 87503"/>
                <a:gd name="connsiteX4" fmla="*/ 50504 w 87545"/>
                <a:gd name="connsiteY4" fmla="*/ 36999 h 87503"/>
                <a:gd name="connsiteX5" fmla="*/ 50504 w 87545"/>
                <a:gd name="connsiteY5" fmla="*/ 0 h 87503"/>
                <a:gd name="connsiteX6" fmla="*/ 37042 w 87545"/>
                <a:gd name="connsiteY6" fmla="*/ 0 h 87503"/>
                <a:gd name="connsiteX7" fmla="*/ 37042 w 87545"/>
                <a:gd name="connsiteY7" fmla="*/ 36999 h 87503"/>
                <a:gd name="connsiteX8" fmla="*/ 0 w 87545"/>
                <a:gd name="connsiteY8" fmla="*/ 36999 h 87503"/>
                <a:gd name="connsiteX9" fmla="*/ 0 w 87545"/>
                <a:gd name="connsiteY9" fmla="*/ 50504 h 87503"/>
                <a:gd name="connsiteX10" fmla="*/ 37042 w 87545"/>
                <a:gd name="connsiteY10" fmla="*/ 50504 h 87503"/>
                <a:gd name="connsiteX11" fmla="*/ 37042 w 87545"/>
                <a:gd name="connsiteY11" fmla="*/ 87503 h 87503"/>
                <a:gd name="connsiteX12" fmla="*/ 50504 w 87545"/>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7" name="Freeform: Shape 29">
              <a:extLst>
                <a:ext uri="{FF2B5EF4-FFF2-40B4-BE49-F238E27FC236}">
                  <a16:creationId xmlns:a16="http://schemas.microsoft.com/office/drawing/2014/main" id="{98B8761A-A46F-0C80-7070-C98E2C787414}"/>
                </a:ext>
              </a:extLst>
            </p:cNvPr>
            <p:cNvSpPr/>
            <p:nvPr/>
          </p:nvSpPr>
          <p:spPr>
            <a:xfrm>
              <a:off x="8315832" y="1108879"/>
              <a:ext cx="87545" cy="87502"/>
            </a:xfrm>
            <a:custGeom>
              <a:avLst/>
              <a:gdLst>
                <a:gd name="connsiteX0" fmla="*/ 50504 w 87545"/>
                <a:gd name="connsiteY0" fmla="*/ 87503 h 87502"/>
                <a:gd name="connsiteX1" fmla="*/ 50504 w 87545"/>
                <a:gd name="connsiteY1" fmla="*/ 50504 h 87502"/>
                <a:gd name="connsiteX2" fmla="*/ 87546 w 87545"/>
                <a:gd name="connsiteY2" fmla="*/ 50504 h 87502"/>
                <a:gd name="connsiteX3" fmla="*/ 87546 w 87545"/>
                <a:gd name="connsiteY3" fmla="*/ 37042 h 87502"/>
                <a:gd name="connsiteX4" fmla="*/ 50504 w 87545"/>
                <a:gd name="connsiteY4" fmla="*/ 37042 h 87502"/>
                <a:gd name="connsiteX5" fmla="*/ 50504 w 87545"/>
                <a:gd name="connsiteY5" fmla="*/ 0 h 87502"/>
                <a:gd name="connsiteX6" fmla="*/ 37042 w 87545"/>
                <a:gd name="connsiteY6" fmla="*/ 0 h 87502"/>
                <a:gd name="connsiteX7" fmla="*/ 37042 w 87545"/>
                <a:gd name="connsiteY7" fmla="*/ 37042 h 87502"/>
                <a:gd name="connsiteX8" fmla="*/ 0 w 87545"/>
                <a:gd name="connsiteY8" fmla="*/ 37042 h 87502"/>
                <a:gd name="connsiteX9" fmla="*/ 0 w 87545"/>
                <a:gd name="connsiteY9" fmla="*/ 50504 h 87502"/>
                <a:gd name="connsiteX10" fmla="*/ 37042 w 87545"/>
                <a:gd name="connsiteY10" fmla="*/ 50504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8" name="Freeform: Shape 30">
              <a:extLst>
                <a:ext uri="{FF2B5EF4-FFF2-40B4-BE49-F238E27FC236}">
                  <a16:creationId xmlns:a16="http://schemas.microsoft.com/office/drawing/2014/main" id="{8430EE49-1B23-B5E2-E4A6-02618A65139F}"/>
                </a:ext>
              </a:extLst>
            </p:cNvPr>
            <p:cNvSpPr/>
            <p:nvPr/>
          </p:nvSpPr>
          <p:spPr>
            <a:xfrm>
              <a:off x="8315832" y="1765215"/>
              <a:ext cx="87545" cy="87502"/>
            </a:xfrm>
            <a:custGeom>
              <a:avLst/>
              <a:gdLst>
                <a:gd name="connsiteX0" fmla="*/ 50504 w 87545"/>
                <a:gd name="connsiteY0" fmla="*/ 87503 h 87502"/>
                <a:gd name="connsiteX1" fmla="*/ 50504 w 87545"/>
                <a:gd name="connsiteY1" fmla="*/ 50461 h 87502"/>
                <a:gd name="connsiteX2" fmla="*/ 87546 w 87545"/>
                <a:gd name="connsiteY2" fmla="*/ 50461 h 87502"/>
                <a:gd name="connsiteX3" fmla="*/ 87546 w 87545"/>
                <a:gd name="connsiteY3" fmla="*/ 36999 h 87502"/>
                <a:gd name="connsiteX4" fmla="*/ 50504 w 87545"/>
                <a:gd name="connsiteY4" fmla="*/ 36999 h 87502"/>
                <a:gd name="connsiteX5" fmla="*/ 50504 w 87545"/>
                <a:gd name="connsiteY5" fmla="*/ 0 h 87502"/>
                <a:gd name="connsiteX6" fmla="*/ 37042 w 87545"/>
                <a:gd name="connsiteY6" fmla="*/ 0 h 87502"/>
                <a:gd name="connsiteX7" fmla="*/ 37042 w 87545"/>
                <a:gd name="connsiteY7" fmla="*/ 36999 h 87502"/>
                <a:gd name="connsiteX8" fmla="*/ 0 w 87545"/>
                <a:gd name="connsiteY8" fmla="*/ 36999 h 87502"/>
                <a:gd name="connsiteX9" fmla="*/ 0 w 87545"/>
                <a:gd name="connsiteY9" fmla="*/ 50461 h 87502"/>
                <a:gd name="connsiteX10" fmla="*/ 37042 w 87545"/>
                <a:gd name="connsiteY10" fmla="*/ 50461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19" name="Freeform: Shape 31">
              <a:extLst>
                <a:ext uri="{FF2B5EF4-FFF2-40B4-BE49-F238E27FC236}">
                  <a16:creationId xmlns:a16="http://schemas.microsoft.com/office/drawing/2014/main" id="{64D4F7D7-AF89-E93F-AEF1-78B5B4DCF0B9}"/>
                </a:ext>
              </a:extLst>
            </p:cNvPr>
            <p:cNvSpPr/>
            <p:nvPr/>
          </p:nvSpPr>
          <p:spPr>
            <a:xfrm>
              <a:off x="7659962"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0" name="Freeform: Shape 32">
              <a:extLst>
                <a:ext uri="{FF2B5EF4-FFF2-40B4-BE49-F238E27FC236}">
                  <a16:creationId xmlns:a16="http://schemas.microsoft.com/office/drawing/2014/main" id="{0BCD4664-9553-6497-4042-A9A748CA375E}"/>
                </a:ext>
              </a:extLst>
            </p:cNvPr>
            <p:cNvSpPr/>
            <p:nvPr/>
          </p:nvSpPr>
          <p:spPr>
            <a:xfrm>
              <a:off x="7659962"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1" name="Freeform: Shape 33">
              <a:extLst>
                <a:ext uri="{FF2B5EF4-FFF2-40B4-BE49-F238E27FC236}">
                  <a16:creationId xmlns:a16="http://schemas.microsoft.com/office/drawing/2014/main" id="{4CA69AC5-E9D6-816B-E93B-3FF7981F5E73}"/>
                </a:ext>
              </a:extLst>
            </p:cNvPr>
            <p:cNvSpPr/>
            <p:nvPr/>
          </p:nvSpPr>
          <p:spPr>
            <a:xfrm>
              <a:off x="7659962"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2" name="Freeform: Shape 37">
              <a:extLst>
                <a:ext uri="{FF2B5EF4-FFF2-40B4-BE49-F238E27FC236}">
                  <a16:creationId xmlns:a16="http://schemas.microsoft.com/office/drawing/2014/main" id="{E9B6C264-B7AE-95F8-C511-5A94AC4E0D01}"/>
                </a:ext>
              </a:extLst>
            </p:cNvPr>
            <p:cNvSpPr/>
            <p:nvPr/>
          </p:nvSpPr>
          <p:spPr>
            <a:xfrm>
              <a:off x="7004049"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3" name="Freeform: Shape 38">
              <a:extLst>
                <a:ext uri="{FF2B5EF4-FFF2-40B4-BE49-F238E27FC236}">
                  <a16:creationId xmlns:a16="http://schemas.microsoft.com/office/drawing/2014/main" id="{5060711C-2AED-F46A-7242-02F95665AEBC}"/>
                </a:ext>
              </a:extLst>
            </p:cNvPr>
            <p:cNvSpPr/>
            <p:nvPr/>
          </p:nvSpPr>
          <p:spPr>
            <a:xfrm>
              <a:off x="7004049"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4" name="Freeform: Shape 39">
              <a:extLst>
                <a:ext uri="{FF2B5EF4-FFF2-40B4-BE49-F238E27FC236}">
                  <a16:creationId xmlns:a16="http://schemas.microsoft.com/office/drawing/2014/main" id="{B818B866-6822-0DE2-DCF0-4703305725E4}"/>
                </a:ext>
              </a:extLst>
            </p:cNvPr>
            <p:cNvSpPr/>
            <p:nvPr/>
          </p:nvSpPr>
          <p:spPr>
            <a:xfrm>
              <a:off x="7004049"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25" name="Freeform: Shape 40">
              <a:extLst>
                <a:ext uri="{FF2B5EF4-FFF2-40B4-BE49-F238E27FC236}">
                  <a16:creationId xmlns:a16="http://schemas.microsoft.com/office/drawing/2014/main" id="{9368005F-A0C2-98F8-FF83-7F27049A52B3}"/>
                </a:ext>
              </a:extLst>
            </p:cNvPr>
            <p:cNvSpPr/>
            <p:nvPr/>
          </p:nvSpPr>
          <p:spPr>
            <a:xfrm>
              <a:off x="6348179"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6" name="Freeform: Shape 41">
              <a:extLst>
                <a:ext uri="{FF2B5EF4-FFF2-40B4-BE49-F238E27FC236}">
                  <a16:creationId xmlns:a16="http://schemas.microsoft.com/office/drawing/2014/main" id="{DD9EDEA9-DBD9-82E5-B1DA-F0FF2E3800AF}"/>
                </a:ext>
              </a:extLst>
            </p:cNvPr>
            <p:cNvSpPr/>
            <p:nvPr/>
          </p:nvSpPr>
          <p:spPr>
            <a:xfrm>
              <a:off x="6348179"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7" name="Freeform: Shape 42">
              <a:extLst>
                <a:ext uri="{FF2B5EF4-FFF2-40B4-BE49-F238E27FC236}">
                  <a16:creationId xmlns:a16="http://schemas.microsoft.com/office/drawing/2014/main" id="{7F88B4F4-AF58-D063-57D2-EF58E28C859E}"/>
                </a:ext>
              </a:extLst>
            </p:cNvPr>
            <p:cNvSpPr/>
            <p:nvPr/>
          </p:nvSpPr>
          <p:spPr>
            <a:xfrm>
              <a:off x="6348179"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8" name="Freeform: Shape 43">
              <a:extLst>
                <a:ext uri="{FF2B5EF4-FFF2-40B4-BE49-F238E27FC236}">
                  <a16:creationId xmlns:a16="http://schemas.microsoft.com/office/drawing/2014/main" id="{99AE4A5D-F613-3E81-6C3C-A15CE884F9A3}"/>
                </a:ext>
              </a:extLst>
            </p:cNvPr>
            <p:cNvSpPr/>
            <p:nvPr/>
          </p:nvSpPr>
          <p:spPr>
            <a:xfrm>
              <a:off x="5692267"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1" name="Freeform: Shape 44">
              <a:extLst>
                <a:ext uri="{FF2B5EF4-FFF2-40B4-BE49-F238E27FC236}">
                  <a16:creationId xmlns:a16="http://schemas.microsoft.com/office/drawing/2014/main" id="{67EBB50F-A84C-1191-4CBB-80A5463A0496}"/>
                </a:ext>
              </a:extLst>
            </p:cNvPr>
            <p:cNvSpPr/>
            <p:nvPr/>
          </p:nvSpPr>
          <p:spPr>
            <a:xfrm>
              <a:off x="5692267"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3" name="Freeform: Shape 45">
              <a:extLst>
                <a:ext uri="{FF2B5EF4-FFF2-40B4-BE49-F238E27FC236}">
                  <a16:creationId xmlns:a16="http://schemas.microsoft.com/office/drawing/2014/main" id="{EEB4C0A7-05AB-F6F2-B80E-C10C654BAD2A}"/>
                </a:ext>
              </a:extLst>
            </p:cNvPr>
            <p:cNvSpPr/>
            <p:nvPr/>
          </p:nvSpPr>
          <p:spPr>
            <a:xfrm>
              <a:off x="5692267"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34" name="Freeform: Shape 46">
              <a:extLst>
                <a:ext uri="{FF2B5EF4-FFF2-40B4-BE49-F238E27FC236}">
                  <a16:creationId xmlns:a16="http://schemas.microsoft.com/office/drawing/2014/main" id="{73D79EDF-0AB8-C220-7D7C-FD652BF6AFA8}"/>
                </a:ext>
              </a:extLst>
            </p:cNvPr>
            <p:cNvSpPr/>
            <p:nvPr/>
          </p:nvSpPr>
          <p:spPr>
            <a:xfrm>
              <a:off x="5036396"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5" name="Freeform: Shape 47">
              <a:extLst>
                <a:ext uri="{FF2B5EF4-FFF2-40B4-BE49-F238E27FC236}">
                  <a16:creationId xmlns:a16="http://schemas.microsoft.com/office/drawing/2014/main" id="{65FA5437-C00A-D113-E74F-3411C514DD09}"/>
                </a:ext>
              </a:extLst>
            </p:cNvPr>
            <p:cNvSpPr/>
            <p:nvPr/>
          </p:nvSpPr>
          <p:spPr>
            <a:xfrm>
              <a:off x="5036396"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6" name="Freeform: Shape 48">
              <a:extLst>
                <a:ext uri="{FF2B5EF4-FFF2-40B4-BE49-F238E27FC236}">
                  <a16:creationId xmlns:a16="http://schemas.microsoft.com/office/drawing/2014/main" id="{E3BF074A-423D-A826-EEE6-1BA231A1D582}"/>
                </a:ext>
              </a:extLst>
            </p:cNvPr>
            <p:cNvSpPr/>
            <p:nvPr/>
          </p:nvSpPr>
          <p:spPr>
            <a:xfrm>
              <a:off x="5036396"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38" name="Freeform: Shape 73">
              <a:extLst>
                <a:ext uri="{FF2B5EF4-FFF2-40B4-BE49-F238E27FC236}">
                  <a16:creationId xmlns:a16="http://schemas.microsoft.com/office/drawing/2014/main" id="{72C42888-2F1B-D6EC-3AC7-458B6D318290}"/>
                </a:ext>
              </a:extLst>
            </p:cNvPr>
            <p:cNvSpPr/>
            <p:nvPr/>
          </p:nvSpPr>
          <p:spPr>
            <a:xfrm>
              <a:off x="9627658"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7042 w 87502"/>
                <a:gd name="connsiteY6" fmla="*/ 0 h 87503"/>
                <a:gd name="connsiteX7" fmla="*/ 37042 w 87502"/>
                <a:gd name="connsiteY7" fmla="*/ 36999 h 87503"/>
                <a:gd name="connsiteX8" fmla="*/ 0 w 87502"/>
                <a:gd name="connsiteY8" fmla="*/ 36999 h 87503"/>
                <a:gd name="connsiteX9" fmla="*/ 0 w 87502"/>
                <a:gd name="connsiteY9" fmla="*/ 50504 h 87503"/>
                <a:gd name="connsiteX10" fmla="*/ 37042 w 87502"/>
                <a:gd name="connsiteY10" fmla="*/ 50504 h 87503"/>
                <a:gd name="connsiteX11" fmla="*/ 37042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7042" y="0"/>
                  </a:lnTo>
                  <a:lnTo>
                    <a:pt x="37042" y="36999"/>
                  </a:lnTo>
                  <a:lnTo>
                    <a:pt x="0" y="36999"/>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39" name="Freeform: Shape 74">
              <a:extLst>
                <a:ext uri="{FF2B5EF4-FFF2-40B4-BE49-F238E27FC236}">
                  <a16:creationId xmlns:a16="http://schemas.microsoft.com/office/drawing/2014/main" id="{1D9C8C50-946A-F08C-70C6-8D4C9ED8B273}"/>
                </a:ext>
              </a:extLst>
            </p:cNvPr>
            <p:cNvSpPr/>
            <p:nvPr/>
          </p:nvSpPr>
          <p:spPr>
            <a:xfrm>
              <a:off x="9627658"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7042 w 87502"/>
                <a:gd name="connsiteY6" fmla="*/ 0 h 87502"/>
                <a:gd name="connsiteX7" fmla="*/ 37042 w 87502"/>
                <a:gd name="connsiteY7" fmla="*/ 37042 h 87502"/>
                <a:gd name="connsiteX8" fmla="*/ 0 w 87502"/>
                <a:gd name="connsiteY8" fmla="*/ 37042 h 87502"/>
                <a:gd name="connsiteX9" fmla="*/ 0 w 87502"/>
                <a:gd name="connsiteY9" fmla="*/ 50504 h 87502"/>
                <a:gd name="connsiteX10" fmla="*/ 37042 w 87502"/>
                <a:gd name="connsiteY10" fmla="*/ 50504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7042" y="0"/>
                  </a:lnTo>
                  <a:lnTo>
                    <a:pt x="37042" y="37042"/>
                  </a:lnTo>
                  <a:lnTo>
                    <a:pt x="0" y="37042"/>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40" name="Freeform: Shape 75">
              <a:extLst>
                <a:ext uri="{FF2B5EF4-FFF2-40B4-BE49-F238E27FC236}">
                  <a16:creationId xmlns:a16="http://schemas.microsoft.com/office/drawing/2014/main" id="{F2493903-8C63-F88F-CB38-EACB3A54AA1E}"/>
                </a:ext>
              </a:extLst>
            </p:cNvPr>
            <p:cNvSpPr/>
            <p:nvPr/>
          </p:nvSpPr>
          <p:spPr>
            <a:xfrm>
              <a:off x="9627658"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7042 w 87502"/>
                <a:gd name="connsiteY6" fmla="*/ 0 h 87502"/>
                <a:gd name="connsiteX7" fmla="*/ 37042 w 87502"/>
                <a:gd name="connsiteY7" fmla="*/ 36999 h 87502"/>
                <a:gd name="connsiteX8" fmla="*/ 0 w 87502"/>
                <a:gd name="connsiteY8" fmla="*/ 36999 h 87502"/>
                <a:gd name="connsiteX9" fmla="*/ 0 w 87502"/>
                <a:gd name="connsiteY9" fmla="*/ 50461 h 87502"/>
                <a:gd name="connsiteX10" fmla="*/ 37042 w 87502"/>
                <a:gd name="connsiteY10" fmla="*/ 50461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7042" y="0"/>
                  </a:lnTo>
                  <a:lnTo>
                    <a:pt x="37042" y="36999"/>
                  </a:lnTo>
                  <a:lnTo>
                    <a:pt x="0" y="36999"/>
                  </a:lnTo>
                  <a:lnTo>
                    <a:pt x="0" y="50461"/>
                  </a:lnTo>
                  <a:lnTo>
                    <a:pt x="37042" y="50461"/>
                  </a:lnTo>
                  <a:lnTo>
                    <a:pt x="37042" y="87503"/>
                  </a:lnTo>
                  <a:lnTo>
                    <a:pt x="50503" y="87503"/>
                  </a:lnTo>
                  <a:close/>
                </a:path>
              </a:pathLst>
            </a:custGeom>
            <a:grpFill/>
            <a:ln w="0" cap="flat">
              <a:noFill/>
              <a:prstDash val="solid"/>
              <a:miter/>
            </a:ln>
          </p:spPr>
          <p:txBody>
            <a:bodyPr rtlCol="0" anchor="ctr"/>
            <a:lstStyle/>
            <a:p>
              <a:endParaRPr lang="en-US"/>
            </a:p>
          </p:txBody>
        </p:sp>
        <p:sp>
          <p:nvSpPr>
            <p:cNvPr id="41" name="Freeform: Shape 76">
              <a:extLst>
                <a:ext uri="{FF2B5EF4-FFF2-40B4-BE49-F238E27FC236}">
                  <a16:creationId xmlns:a16="http://schemas.microsoft.com/office/drawing/2014/main" id="{A55A19F6-4129-C1C2-BEA6-EFDA8B66BFDE}"/>
                </a:ext>
              </a:extLst>
            </p:cNvPr>
            <p:cNvSpPr/>
            <p:nvPr/>
          </p:nvSpPr>
          <p:spPr>
            <a:xfrm>
              <a:off x="10283570" y="453220"/>
              <a:ext cx="87546" cy="87503"/>
            </a:xfrm>
            <a:custGeom>
              <a:avLst/>
              <a:gdLst>
                <a:gd name="connsiteX0" fmla="*/ 50504 w 87546"/>
                <a:gd name="connsiteY0" fmla="*/ 87503 h 87503"/>
                <a:gd name="connsiteX1" fmla="*/ 50504 w 87546"/>
                <a:gd name="connsiteY1" fmla="*/ 50504 h 87503"/>
                <a:gd name="connsiteX2" fmla="*/ 87546 w 87546"/>
                <a:gd name="connsiteY2" fmla="*/ 50504 h 87503"/>
                <a:gd name="connsiteX3" fmla="*/ 87546 w 87546"/>
                <a:gd name="connsiteY3" fmla="*/ 36999 h 87503"/>
                <a:gd name="connsiteX4" fmla="*/ 50504 w 87546"/>
                <a:gd name="connsiteY4" fmla="*/ 36999 h 87503"/>
                <a:gd name="connsiteX5" fmla="*/ 50504 w 87546"/>
                <a:gd name="connsiteY5" fmla="*/ 0 h 87503"/>
                <a:gd name="connsiteX6" fmla="*/ 37042 w 87546"/>
                <a:gd name="connsiteY6" fmla="*/ 0 h 87503"/>
                <a:gd name="connsiteX7" fmla="*/ 37042 w 87546"/>
                <a:gd name="connsiteY7" fmla="*/ 36999 h 87503"/>
                <a:gd name="connsiteX8" fmla="*/ 0 w 87546"/>
                <a:gd name="connsiteY8" fmla="*/ 36999 h 87503"/>
                <a:gd name="connsiteX9" fmla="*/ 0 w 87546"/>
                <a:gd name="connsiteY9" fmla="*/ 50504 h 87503"/>
                <a:gd name="connsiteX10" fmla="*/ 37042 w 87546"/>
                <a:gd name="connsiteY10" fmla="*/ 50504 h 87503"/>
                <a:gd name="connsiteX11" fmla="*/ 37042 w 87546"/>
                <a:gd name="connsiteY11" fmla="*/ 87503 h 87503"/>
                <a:gd name="connsiteX12" fmla="*/ 50504 w 87546"/>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dirty="0"/>
            </a:p>
          </p:txBody>
        </p:sp>
        <p:sp>
          <p:nvSpPr>
            <p:cNvPr id="42" name="Freeform: Shape 77">
              <a:extLst>
                <a:ext uri="{FF2B5EF4-FFF2-40B4-BE49-F238E27FC236}">
                  <a16:creationId xmlns:a16="http://schemas.microsoft.com/office/drawing/2014/main" id="{B2F50F63-EDFB-6CA3-02BC-A6C8BEBFA059}"/>
                </a:ext>
              </a:extLst>
            </p:cNvPr>
            <p:cNvSpPr/>
            <p:nvPr/>
          </p:nvSpPr>
          <p:spPr>
            <a:xfrm>
              <a:off x="10283570" y="1108879"/>
              <a:ext cx="87546" cy="87502"/>
            </a:xfrm>
            <a:custGeom>
              <a:avLst/>
              <a:gdLst>
                <a:gd name="connsiteX0" fmla="*/ 50504 w 87546"/>
                <a:gd name="connsiteY0" fmla="*/ 87503 h 87502"/>
                <a:gd name="connsiteX1" fmla="*/ 50504 w 87546"/>
                <a:gd name="connsiteY1" fmla="*/ 50504 h 87502"/>
                <a:gd name="connsiteX2" fmla="*/ 87546 w 87546"/>
                <a:gd name="connsiteY2" fmla="*/ 50504 h 87502"/>
                <a:gd name="connsiteX3" fmla="*/ 87546 w 87546"/>
                <a:gd name="connsiteY3" fmla="*/ 37042 h 87502"/>
                <a:gd name="connsiteX4" fmla="*/ 50504 w 87546"/>
                <a:gd name="connsiteY4" fmla="*/ 37042 h 87502"/>
                <a:gd name="connsiteX5" fmla="*/ 50504 w 87546"/>
                <a:gd name="connsiteY5" fmla="*/ 0 h 87502"/>
                <a:gd name="connsiteX6" fmla="*/ 37042 w 87546"/>
                <a:gd name="connsiteY6" fmla="*/ 0 h 87502"/>
                <a:gd name="connsiteX7" fmla="*/ 37042 w 87546"/>
                <a:gd name="connsiteY7" fmla="*/ 37042 h 87502"/>
                <a:gd name="connsiteX8" fmla="*/ 0 w 87546"/>
                <a:gd name="connsiteY8" fmla="*/ 37042 h 87502"/>
                <a:gd name="connsiteX9" fmla="*/ 0 w 87546"/>
                <a:gd name="connsiteY9" fmla="*/ 50504 h 87502"/>
                <a:gd name="connsiteX10" fmla="*/ 37042 w 87546"/>
                <a:gd name="connsiteY10" fmla="*/ 50504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43" name="Freeform: Shape 78">
              <a:extLst>
                <a:ext uri="{FF2B5EF4-FFF2-40B4-BE49-F238E27FC236}">
                  <a16:creationId xmlns:a16="http://schemas.microsoft.com/office/drawing/2014/main" id="{F0DD1912-5C0C-13E6-5279-B66410239BBC}"/>
                </a:ext>
              </a:extLst>
            </p:cNvPr>
            <p:cNvSpPr/>
            <p:nvPr/>
          </p:nvSpPr>
          <p:spPr>
            <a:xfrm>
              <a:off x="10283570" y="1765215"/>
              <a:ext cx="87546" cy="87502"/>
            </a:xfrm>
            <a:custGeom>
              <a:avLst/>
              <a:gdLst>
                <a:gd name="connsiteX0" fmla="*/ 50504 w 87546"/>
                <a:gd name="connsiteY0" fmla="*/ 87503 h 87502"/>
                <a:gd name="connsiteX1" fmla="*/ 50504 w 87546"/>
                <a:gd name="connsiteY1" fmla="*/ 50461 h 87502"/>
                <a:gd name="connsiteX2" fmla="*/ 87546 w 87546"/>
                <a:gd name="connsiteY2" fmla="*/ 50461 h 87502"/>
                <a:gd name="connsiteX3" fmla="*/ 87546 w 87546"/>
                <a:gd name="connsiteY3" fmla="*/ 36999 h 87502"/>
                <a:gd name="connsiteX4" fmla="*/ 50504 w 87546"/>
                <a:gd name="connsiteY4" fmla="*/ 36999 h 87502"/>
                <a:gd name="connsiteX5" fmla="*/ 50504 w 87546"/>
                <a:gd name="connsiteY5" fmla="*/ 0 h 87502"/>
                <a:gd name="connsiteX6" fmla="*/ 37042 w 87546"/>
                <a:gd name="connsiteY6" fmla="*/ 0 h 87502"/>
                <a:gd name="connsiteX7" fmla="*/ 37042 w 87546"/>
                <a:gd name="connsiteY7" fmla="*/ 36999 h 87502"/>
                <a:gd name="connsiteX8" fmla="*/ 0 w 87546"/>
                <a:gd name="connsiteY8" fmla="*/ 36999 h 87502"/>
                <a:gd name="connsiteX9" fmla="*/ 0 w 87546"/>
                <a:gd name="connsiteY9" fmla="*/ 50461 h 87502"/>
                <a:gd name="connsiteX10" fmla="*/ 37042 w 87546"/>
                <a:gd name="connsiteY10" fmla="*/ 50461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44" name="Freeform: Shape 79">
              <a:extLst>
                <a:ext uri="{FF2B5EF4-FFF2-40B4-BE49-F238E27FC236}">
                  <a16:creationId xmlns:a16="http://schemas.microsoft.com/office/drawing/2014/main" id="{ABC35B74-AB19-7914-01C5-9DB274D9A4DA}"/>
                </a:ext>
              </a:extLst>
            </p:cNvPr>
            <p:cNvSpPr/>
            <p:nvPr/>
          </p:nvSpPr>
          <p:spPr>
            <a:xfrm>
              <a:off x="10939525" y="453220"/>
              <a:ext cx="87503" cy="87503"/>
            </a:xfrm>
            <a:custGeom>
              <a:avLst/>
              <a:gdLst>
                <a:gd name="connsiteX0" fmla="*/ 50462 w 87503"/>
                <a:gd name="connsiteY0" fmla="*/ 87503 h 87503"/>
                <a:gd name="connsiteX1" fmla="*/ 50462 w 87503"/>
                <a:gd name="connsiteY1" fmla="*/ 50504 h 87503"/>
                <a:gd name="connsiteX2" fmla="*/ 87504 w 87503"/>
                <a:gd name="connsiteY2" fmla="*/ 50504 h 87503"/>
                <a:gd name="connsiteX3" fmla="*/ 87504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4" y="50504"/>
                  </a:lnTo>
                  <a:lnTo>
                    <a:pt x="87504"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5" name="Freeform: Shape 80">
              <a:extLst>
                <a:ext uri="{FF2B5EF4-FFF2-40B4-BE49-F238E27FC236}">
                  <a16:creationId xmlns:a16="http://schemas.microsoft.com/office/drawing/2014/main" id="{BFA76EC7-2A60-8786-1E85-1091CBD99759}"/>
                </a:ext>
              </a:extLst>
            </p:cNvPr>
            <p:cNvSpPr/>
            <p:nvPr/>
          </p:nvSpPr>
          <p:spPr>
            <a:xfrm>
              <a:off x="10939525" y="1108879"/>
              <a:ext cx="87503" cy="87502"/>
            </a:xfrm>
            <a:custGeom>
              <a:avLst/>
              <a:gdLst>
                <a:gd name="connsiteX0" fmla="*/ 50462 w 87503"/>
                <a:gd name="connsiteY0" fmla="*/ 87503 h 87502"/>
                <a:gd name="connsiteX1" fmla="*/ 50462 w 87503"/>
                <a:gd name="connsiteY1" fmla="*/ 50504 h 87502"/>
                <a:gd name="connsiteX2" fmla="*/ 87504 w 87503"/>
                <a:gd name="connsiteY2" fmla="*/ 50504 h 87502"/>
                <a:gd name="connsiteX3" fmla="*/ 87504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4" y="50504"/>
                  </a:lnTo>
                  <a:lnTo>
                    <a:pt x="87504"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6" name="Freeform: Shape 81">
              <a:extLst>
                <a:ext uri="{FF2B5EF4-FFF2-40B4-BE49-F238E27FC236}">
                  <a16:creationId xmlns:a16="http://schemas.microsoft.com/office/drawing/2014/main" id="{9545FB4E-140E-5304-0C17-862038B09E3B}"/>
                </a:ext>
              </a:extLst>
            </p:cNvPr>
            <p:cNvSpPr/>
            <p:nvPr/>
          </p:nvSpPr>
          <p:spPr>
            <a:xfrm>
              <a:off x="10939525" y="1765215"/>
              <a:ext cx="87503" cy="87502"/>
            </a:xfrm>
            <a:custGeom>
              <a:avLst/>
              <a:gdLst>
                <a:gd name="connsiteX0" fmla="*/ 50462 w 87503"/>
                <a:gd name="connsiteY0" fmla="*/ 87503 h 87502"/>
                <a:gd name="connsiteX1" fmla="*/ 50462 w 87503"/>
                <a:gd name="connsiteY1" fmla="*/ 50461 h 87502"/>
                <a:gd name="connsiteX2" fmla="*/ 87504 w 87503"/>
                <a:gd name="connsiteY2" fmla="*/ 50461 h 87502"/>
                <a:gd name="connsiteX3" fmla="*/ 87504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4" y="50461"/>
                  </a:lnTo>
                  <a:lnTo>
                    <a:pt x="87504"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47" name="Freeform: Shape 82">
              <a:extLst>
                <a:ext uri="{FF2B5EF4-FFF2-40B4-BE49-F238E27FC236}">
                  <a16:creationId xmlns:a16="http://schemas.microsoft.com/office/drawing/2014/main" id="{6AE7DA5C-BABA-F59A-0250-F5BC3218F07F}"/>
                </a:ext>
              </a:extLst>
            </p:cNvPr>
            <p:cNvSpPr/>
            <p:nvPr/>
          </p:nvSpPr>
          <p:spPr>
            <a:xfrm>
              <a:off x="11595438" y="453220"/>
              <a:ext cx="87502" cy="87503"/>
            </a:xfrm>
            <a:custGeom>
              <a:avLst/>
              <a:gdLst>
                <a:gd name="connsiteX0" fmla="*/ 50461 w 87502"/>
                <a:gd name="connsiteY0" fmla="*/ 87503 h 87503"/>
                <a:gd name="connsiteX1" fmla="*/ 50461 w 87502"/>
                <a:gd name="connsiteY1" fmla="*/ 50504 h 87503"/>
                <a:gd name="connsiteX2" fmla="*/ 87503 w 87502"/>
                <a:gd name="connsiteY2" fmla="*/ 50504 h 87503"/>
                <a:gd name="connsiteX3" fmla="*/ 87503 w 87502"/>
                <a:gd name="connsiteY3" fmla="*/ 36999 h 87503"/>
                <a:gd name="connsiteX4" fmla="*/ 50461 w 87502"/>
                <a:gd name="connsiteY4" fmla="*/ 36999 h 87503"/>
                <a:gd name="connsiteX5" fmla="*/ 50461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461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461" y="87503"/>
                  </a:moveTo>
                  <a:lnTo>
                    <a:pt x="50461" y="50504"/>
                  </a:lnTo>
                  <a:lnTo>
                    <a:pt x="87503" y="50504"/>
                  </a:lnTo>
                  <a:lnTo>
                    <a:pt x="87503" y="36999"/>
                  </a:lnTo>
                  <a:lnTo>
                    <a:pt x="50461" y="36999"/>
                  </a:lnTo>
                  <a:lnTo>
                    <a:pt x="50461" y="0"/>
                  </a:lnTo>
                  <a:lnTo>
                    <a:pt x="36999" y="0"/>
                  </a:lnTo>
                  <a:lnTo>
                    <a:pt x="36999" y="36999"/>
                  </a:lnTo>
                  <a:lnTo>
                    <a:pt x="0" y="36999"/>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8" name="Freeform: Shape 83">
              <a:extLst>
                <a:ext uri="{FF2B5EF4-FFF2-40B4-BE49-F238E27FC236}">
                  <a16:creationId xmlns:a16="http://schemas.microsoft.com/office/drawing/2014/main" id="{E4AA686D-18FF-FABE-9D62-C8691969A43D}"/>
                </a:ext>
              </a:extLst>
            </p:cNvPr>
            <p:cNvSpPr/>
            <p:nvPr/>
          </p:nvSpPr>
          <p:spPr>
            <a:xfrm>
              <a:off x="11595438" y="1108879"/>
              <a:ext cx="87502" cy="87502"/>
            </a:xfrm>
            <a:custGeom>
              <a:avLst/>
              <a:gdLst>
                <a:gd name="connsiteX0" fmla="*/ 50461 w 87502"/>
                <a:gd name="connsiteY0" fmla="*/ 87503 h 87502"/>
                <a:gd name="connsiteX1" fmla="*/ 50461 w 87502"/>
                <a:gd name="connsiteY1" fmla="*/ 50504 h 87502"/>
                <a:gd name="connsiteX2" fmla="*/ 87503 w 87502"/>
                <a:gd name="connsiteY2" fmla="*/ 50504 h 87502"/>
                <a:gd name="connsiteX3" fmla="*/ 87503 w 87502"/>
                <a:gd name="connsiteY3" fmla="*/ 37042 h 87502"/>
                <a:gd name="connsiteX4" fmla="*/ 50461 w 87502"/>
                <a:gd name="connsiteY4" fmla="*/ 37042 h 87502"/>
                <a:gd name="connsiteX5" fmla="*/ 50461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504"/>
                  </a:lnTo>
                  <a:lnTo>
                    <a:pt x="87503" y="50504"/>
                  </a:lnTo>
                  <a:lnTo>
                    <a:pt x="87503" y="37042"/>
                  </a:lnTo>
                  <a:lnTo>
                    <a:pt x="50461" y="37042"/>
                  </a:lnTo>
                  <a:lnTo>
                    <a:pt x="50461" y="0"/>
                  </a:lnTo>
                  <a:lnTo>
                    <a:pt x="36999" y="0"/>
                  </a:lnTo>
                  <a:lnTo>
                    <a:pt x="36999" y="37042"/>
                  </a:lnTo>
                  <a:lnTo>
                    <a:pt x="0" y="37042"/>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9" name="Freeform: Shape 84">
              <a:extLst>
                <a:ext uri="{FF2B5EF4-FFF2-40B4-BE49-F238E27FC236}">
                  <a16:creationId xmlns:a16="http://schemas.microsoft.com/office/drawing/2014/main" id="{AD428AC4-ACC3-B293-863A-DDF2794C5CAD}"/>
                </a:ext>
              </a:extLst>
            </p:cNvPr>
            <p:cNvSpPr/>
            <p:nvPr/>
          </p:nvSpPr>
          <p:spPr>
            <a:xfrm>
              <a:off x="11595438" y="1765215"/>
              <a:ext cx="87502" cy="87502"/>
            </a:xfrm>
            <a:custGeom>
              <a:avLst/>
              <a:gdLst>
                <a:gd name="connsiteX0" fmla="*/ 50461 w 87502"/>
                <a:gd name="connsiteY0" fmla="*/ 87503 h 87502"/>
                <a:gd name="connsiteX1" fmla="*/ 50461 w 87502"/>
                <a:gd name="connsiteY1" fmla="*/ 50461 h 87502"/>
                <a:gd name="connsiteX2" fmla="*/ 87503 w 87502"/>
                <a:gd name="connsiteY2" fmla="*/ 50461 h 87502"/>
                <a:gd name="connsiteX3" fmla="*/ 87503 w 87502"/>
                <a:gd name="connsiteY3" fmla="*/ 36999 h 87502"/>
                <a:gd name="connsiteX4" fmla="*/ 50461 w 87502"/>
                <a:gd name="connsiteY4" fmla="*/ 36999 h 87502"/>
                <a:gd name="connsiteX5" fmla="*/ 50461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461"/>
                  </a:lnTo>
                  <a:lnTo>
                    <a:pt x="87503" y="50461"/>
                  </a:lnTo>
                  <a:lnTo>
                    <a:pt x="87503" y="36999"/>
                  </a:lnTo>
                  <a:lnTo>
                    <a:pt x="50461" y="36999"/>
                  </a:lnTo>
                  <a:lnTo>
                    <a:pt x="50461" y="0"/>
                  </a:lnTo>
                  <a:lnTo>
                    <a:pt x="36999" y="0"/>
                  </a:lnTo>
                  <a:lnTo>
                    <a:pt x="36999" y="36999"/>
                  </a:lnTo>
                  <a:lnTo>
                    <a:pt x="0" y="36999"/>
                  </a:lnTo>
                  <a:lnTo>
                    <a:pt x="0" y="50461"/>
                  </a:lnTo>
                  <a:lnTo>
                    <a:pt x="36999" y="50461"/>
                  </a:lnTo>
                  <a:lnTo>
                    <a:pt x="36999" y="87503"/>
                  </a:lnTo>
                  <a:lnTo>
                    <a:pt x="50461" y="87503"/>
                  </a:lnTo>
                  <a:close/>
                </a:path>
              </a:pathLst>
            </a:custGeom>
            <a:grpFill/>
            <a:ln w="0" cap="flat">
              <a:noFill/>
              <a:prstDash val="solid"/>
              <a:miter/>
            </a:ln>
          </p:spPr>
          <p:txBody>
            <a:bodyPr rtlCol="0" anchor="ctr"/>
            <a:lstStyle/>
            <a:p>
              <a:endParaRPr lang="en-US"/>
            </a:p>
          </p:txBody>
        </p:sp>
      </p:grpSp>
      <p:sp>
        <p:nvSpPr>
          <p:cNvPr id="6" name="Slide Number Placeholder 5">
            <a:extLst>
              <a:ext uri="{FF2B5EF4-FFF2-40B4-BE49-F238E27FC236}">
                <a16:creationId xmlns:a16="http://schemas.microsoft.com/office/drawing/2014/main" id="{70DA6776-2740-241C-2B98-87CB7655F9EC}"/>
              </a:ext>
            </a:extLst>
          </p:cNvPr>
          <p:cNvSpPr>
            <a:spLocks noGrp="1"/>
          </p:cNvSpPr>
          <p:nvPr>
            <p:ph type="sldNum" sz="quarter" idx="19"/>
          </p:nvPr>
        </p:nvSpPr>
        <p:spPr/>
        <p:txBody>
          <a:bodyPr/>
          <a:lstStyle/>
          <a:p>
            <a:fld id="{23AA811B-2EBD-4900-905E-5BE206449611}" type="slidenum">
              <a:rPr lang="en-US" smtClean="0"/>
              <a:pPr/>
              <a:t>4</a:t>
            </a:fld>
            <a:endParaRPr lang="en-US" dirty="0"/>
          </a:p>
        </p:txBody>
      </p:sp>
      <p:sp>
        <p:nvSpPr>
          <p:cNvPr id="7" name="Date Placeholder 6">
            <a:extLst>
              <a:ext uri="{FF2B5EF4-FFF2-40B4-BE49-F238E27FC236}">
                <a16:creationId xmlns:a16="http://schemas.microsoft.com/office/drawing/2014/main" id="{808B5436-E978-428B-503C-49075E5E8B39}"/>
              </a:ext>
            </a:extLst>
          </p:cNvPr>
          <p:cNvSpPr>
            <a:spLocks noGrp="1"/>
          </p:cNvSpPr>
          <p:nvPr>
            <p:ph type="dt" sz="half" idx="13"/>
          </p:nvPr>
        </p:nvSpPr>
        <p:spPr/>
        <p:txBody>
          <a:bodyPr/>
          <a:lstStyle/>
          <a:p>
            <a:fld id="{B118041E-2DAD-480C-AEE4-E661A097CFE4}" type="datetime1">
              <a:rPr lang="en-US" smtClean="0"/>
              <a:t>7/26/2024</a:t>
            </a:fld>
            <a:endParaRPr lang="en-US" dirty="0"/>
          </a:p>
        </p:txBody>
      </p:sp>
      <p:grpSp>
        <p:nvGrpSpPr>
          <p:cNvPr id="2" name="Group 1">
            <a:extLst>
              <a:ext uri="{FF2B5EF4-FFF2-40B4-BE49-F238E27FC236}">
                <a16:creationId xmlns:a16="http://schemas.microsoft.com/office/drawing/2014/main" id="{D90CD006-E518-6C1C-8675-5C9CCE5A7CB3}"/>
              </a:ext>
            </a:extLst>
          </p:cNvPr>
          <p:cNvGrpSpPr>
            <a:grpSpLocks noChangeAspect="1"/>
          </p:cNvGrpSpPr>
          <p:nvPr/>
        </p:nvGrpSpPr>
        <p:grpSpPr>
          <a:xfrm>
            <a:off x="6154894" y="825212"/>
            <a:ext cx="4718916" cy="4996873"/>
            <a:chOff x="410987" y="1519713"/>
            <a:chExt cx="4880680" cy="5168167"/>
          </a:xfrm>
        </p:grpSpPr>
        <p:pic>
          <p:nvPicPr>
            <p:cNvPr id="4" name="Picture 3">
              <a:extLst>
                <a:ext uri="{FF2B5EF4-FFF2-40B4-BE49-F238E27FC236}">
                  <a16:creationId xmlns:a16="http://schemas.microsoft.com/office/drawing/2014/main" id="{993649E4-8DF1-860A-35ED-C12D2EAB1F17}"/>
                </a:ext>
              </a:extLst>
            </p:cNvPr>
            <p:cNvPicPr/>
            <p:nvPr/>
          </p:nvPicPr>
          <p:blipFill>
            <a:blip r:embed="rId3" cstate="screen">
              <a:extLst>
                <a:ext uri="{28A0092B-C50C-407E-A947-70E740481C1C}">
                  <a14:useLocalDpi xmlns:a14="http://schemas.microsoft.com/office/drawing/2010/main"/>
                </a:ext>
              </a:extLst>
            </a:blip>
            <a:stretch>
              <a:fillRect/>
            </a:stretch>
          </p:blipFill>
          <p:spPr>
            <a:xfrm>
              <a:off x="410987" y="1519713"/>
              <a:ext cx="4880680" cy="2380949"/>
            </a:xfrm>
            <a:prstGeom prst="rect">
              <a:avLst/>
            </a:prstGeom>
          </p:spPr>
        </p:pic>
        <p:pic>
          <p:nvPicPr>
            <p:cNvPr id="5" name="Picture 4">
              <a:extLst>
                <a:ext uri="{FF2B5EF4-FFF2-40B4-BE49-F238E27FC236}">
                  <a16:creationId xmlns:a16="http://schemas.microsoft.com/office/drawing/2014/main" id="{B085A651-4463-8C92-00D6-B89774089A76}"/>
                </a:ext>
              </a:extLst>
            </p:cNvPr>
            <p:cNvPicPr/>
            <p:nvPr/>
          </p:nvPicPr>
          <p:blipFill>
            <a:blip r:embed="rId4" cstate="screen">
              <a:extLst>
                <a:ext uri="{28A0092B-C50C-407E-A947-70E740481C1C}">
                  <a14:useLocalDpi xmlns:a14="http://schemas.microsoft.com/office/drawing/2010/main"/>
                </a:ext>
              </a:extLst>
            </a:blip>
            <a:stretch>
              <a:fillRect/>
            </a:stretch>
          </p:blipFill>
          <p:spPr>
            <a:xfrm>
              <a:off x="410987" y="4082287"/>
              <a:ext cx="4880680" cy="2605593"/>
            </a:xfrm>
            <a:prstGeom prst="rect">
              <a:avLst/>
            </a:prstGeom>
          </p:spPr>
        </p:pic>
      </p:grpSp>
      <p:sp>
        <p:nvSpPr>
          <p:cNvPr id="55" name="Rectangle: Single Corner Rounded 35">
            <a:extLst>
              <a:ext uri="{FF2B5EF4-FFF2-40B4-BE49-F238E27FC236}">
                <a16:creationId xmlns:a16="http://schemas.microsoft.com/office/drawing/2014/main" id="{123D022E-3ACF-1B09-6DA9-E0D5AD50D2E4}"/>
              </a:ext>
            </a:extLst>
          </p:cNvPr>
          <p:cNvSpPr/>
          <p:nvPr/>
        </p:nvSpPr>
        <p:spPr>
          <a:xfrm>
            <a:off x="1530388" y="0"/>
            <a:ext cx="3278306" cy="6858000"/>
          </a:xfrm>
          <a:prstGeom prst="round1Rect">
            <a:avLst>
              <a:gd name="adj" fmla="val 21969"/>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9" name="Title 28">
            <a:extLst>
              <a:ext uri="{FF2B5EF4-FFF2-40B4-BE49-F238E27FC236}">
                <a16:creationId xmlns:a16="http://schemas.microsoft.com/office/drawing/2014/main" id="{86E7C752-D4CC-0754-6E73-216D13D51344}"/>
              </a:ext>
            </a:extLst>
          </p:cNvPr>
          <p:cNvSpPr>
            <a:spLocks noGrp="1"/>
          </p:cNvSpPr>
          <p:nvPr>
            <p:ph type="title"/>
          </p:nvPr>
        </p:nvSpPr>
        <p:spPr>
          <a:xfrm>
            <a:off x="360000" y="533211"/>
            <a:ext cx="4564540" cy="1166400"/>
          </a:xfrm>
        </p:spPr>
        <p:txBody>
          <a:bodyPr/>
          <a:lstStyle/>
          <a:p>
            <a:r>
              <a:rPr lang="en-US" dirty="0"/>
              <a:t>Schedule a P2P Request </a:t>
            </a:r>
            <a:r>
              <a:rPr lang="en-US" sz="1400" dirty="0"/>
              <a:t>(</a:t>
            </a:r>
            <a:r>
              <a:rPr lang="en-US" sz="1400" dirty="0" err="1"/>
              <a:t>con’t</a:t>
            </a:r>
            <a:r>
              <a:rPr lang="en-US" sz="1400" dirty="0"/>
              <a:t>.)</a:t>
            </a:r>
          </a:p>
        </p:txBody>
      </p:sp>
      <p:sp>
        <p:nvSpPr>
          <p:cNvPr id="53" name="Text Placeholder 52">
            <a:extLst>
              <a:ext uri="{FF2B5EF4-FFF2-40B4-BE49-F238E27FC236}">
                <a16:creationId xmlns:a16="http://schemas.microsoft.com/office/drawing/2014/main" id="{770E0D36-C3EB-F1FF-D7BA-99B91A1F189E}"/>
              </a:ext>
            </a:extLst>
          </p:cNvPr>
          <p:cNvSpPr>
            <a:spLocks noGrp="1"/>
          </p:cNvSpPr>
          <p:nvPr>
            <p:ph type="body" sz="quarter" idx="17"/>
          </p:nvPr>
        </p:nvSpPr>
        <p:spPr/>
        <p:txBody>
          <a:bodyPr/>
          <a:lstStyle/>
          <a:p>
            <a:r>
              <a:rPr lang="en-US" dirty="0"/>
              <a:t>Provider Resources</a:t>
            </a:r>
          </a:p>
          <a:p>
            <a:endParaRPr lang="en-US" dirty="0"/>
          </a:p>
        </p:txBody>
      </p:sp>
      <p:sp>
        <p:nvSpPr>
          <p:cNvPr id="30" name="Content Placeholder 29">
            <a:extLst>
              <a:ext uri="{FF2B5EF4-FFF2-40B4-BE49-F238E27FC236}">
                <a16:creationId xmlns:a16="http://schemas.microsoft.com/office/drawing/2014/main" id="{BDEDC7F6-76E6-6201-D50D-BD1E0F012D27}"/>
              </a:ext>
            </a:extLst>
          </p:cNvPr>
          <p:cNvSpPr>
            <a:spLocks noGrp="1"/>
          </p:cNvSpPr>
          <p:nvPr>
            <p:ph idx="1"/>
          </p:nvPr>
        </p:nvSpPr>
        <p:spPr>
          <a:xfrm>
            <a:off x="360001" y="1407600"/>
            <a:ext cx="3893022" cy="4042800"/>
          </a:xfrm>
        </p:spPr>
        <p:txBody>
          <a:bodyPr/>
          <a:lstStyle/>
          <a:p>
            <a:pPr marL="182880" indent="-182880">
              <a:buClr>
                <a:schemeClr val="tx2"/>
              </a:buClr>
              <a:buFont typeface="+mj-lt"/>
              <a:buAutoNum type="arabicPeriod"/>
            </a:pPr>
            <a:r>
              <a:rPr lang="en-US" sz="1600" dirty="0"/>
              <a:t>You will be prompted with a list of EviCore Physicians / Reviewers and appointment options</a:t>
            </a:r>
          </a:p>
          <a:p>
            <a:pPr marL="182880" indent="-182880">
              <a:buClr>
                <a:schemeClr val="tx2"/>
              </a:buClr>
              <a:buFont typeface="+mj-lt"/>
              <a:buAutoNum type="arabicPeriod"/>
            </a:pPr>
            <a:r>
              <a:rPr lang="en-US" sz="1600" dirty="0"/>
              <a:t>Select any of the listed appointment times to continue</a:t>
            </a:r>
          </a:p>
          <a:p>
            <a:pPr marL="182880" indent="-182880">
              <a:buClr>
                <a:schemeClr val="tx2"/>
              </a:buClr>
              <a:buFont typeface="+mj-lt"/>
              <a:buAutoNum type="arabicPeriod"/>
            </a:pPr>
            <a:r>
              <a:rPr lang="en-US" sz="1600" dirty="0"/>
              <a:t>You will be prompted to identify your preferred days and times for a Peer-to-Peer consultation (all opportunities will be automatically presented)</a:t>
            </a:r>
          </a:p>
          <a:p>
            <a:pPr marL="182880" indent="-182880">
              <a:buClr>
                <a:schemeClr val="tx2"/>
              </a:buClr>
              <a:buFont typeface="+mj-lt"/>
              <a:buAutoNum type="arabicPeriod"/>
            </a:pPr>
            <a:r>
              <a:rPr lang="en-US" sz="1600" dirty="0"/>
              <a:t>Click on any </a:t>
            </a:r>
            <a:r>
              <a:rPr lang="en-US" sz="1600" b="1" dirty="0"/>
              <a:t>green checkmark</a:t>
            </a:r>
            <a:r>
              <a:rPr lang="en-US" sz="1600" dirty="0"/>
              <a:t> to </a:t>
            </a:r>
            <a:r>
              <a:rPr lang="en-US" sz="1600" b="1" dirty="0"/>
              <a:t>deselect</a:t>
            </a:r>
            <a:r>
              <a:rPr lang="en-US" sz="1600" dirty="0"/>
              <a:t> that option and then click </a:t>
            </a:r>
            <a:r>
              <a:rPr lang="en-US" sz="1600" b="1" dirty="0"/>
              <a:t>Continue</a:t>
            </a:r>
            <a:endParaRPr lang="en-US" sz="1600" dirty="0"/>
          </a:p>
        </p:txBody>
      </p:sp>
      <p:sp>
        <p:nvSpPr>
          <p:cNvPr id="10" name="Slide Number Placeholder 9">
            <a:extLst>
              <a:ext uri="{FF2B5EF4-FFF2-40B4-BE49-F238E27FC236}">
                <a16:creationId xmlns:a16="http://schemas.microsoft.com/office/drawing/2014/main" id="{03746D2D-68EB-2BE5-073F-082A9BF7B831}"/>
              </a:ext>
            </a:extLst>
          </p:cNvPr>
          <p:cNvSpPr txBox="1">
            <a:spLocks/>
          </p:cNvSpPr>
          <p:nvPr/>
        </p:nvSpPr>
        <p:spPr>
          <a:xfrm>
            <a:off x="11561374" y="6364800"/>
            <a:ext cx="266400" cy="180000"/>
          </a:xfrm>
          <a:prstGeom prst="rect">
            <a:avLst/>
          </a:prstGeom>
        </p:spPr>
        <p:txBody>
          <a:bodyPr vert="horz" lIns="0" tIns="0" rIns="0" bIns="0" rtlCol="0" anchor="b" anchorCtr="0"/>
          <a:lstStyle>
            <a:defPPr>
              <a:defRPr lang="en-US"/>
            </a:defPPr>
            <a:lvl1pPr algn="r" defTabSz="457200" rtl="0" eaLnBrk="0" fontAlgn="base" hangingPunct="0">
              <a:lnSpc>
                <a:spcPct val="90000"/>
              </a:lnSpc>
              <a:spcBef>
                <a:spcPct val="0"/>
              </a:spcBef>
              <a:spcAft>
                <a:spcPct val="0"/>
              </a:spcAft>
              <a:defRPr sz="800" kern="1200" spc="80" baseline="0">
                <a:solidFill>
                  <a:srgbClr val="035C67"/>
                </a:solidFill>
                <a:latin typeface="+mn-lt"/>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23AA811B-2EBD-4900-905E-5BE206449611}" type="slidenum">
              <a:rPr lang="en-US" smtClean="0">
                <a:solidFill>
                  <a:schemeClr val="bg2"/>
                </a:solidFill>
              </a:rPr>
              <a:pPr/>
              <a:t>4</a:t>
            </a:fld>
            <a:endParaRPr lang="en-US" dirty="0">
              <a:solidFill>
                <a:schemeClr val="bg2"/>
              </a:solidFill>
            </a:endParaRPr>
          </a:p>
        </p:txBody>
      </p:sp>
      <p:sp>
        <p:nvSpPr>
          <p:cNvPr id="32" name="Date Placeholder 6">
            <a:extLst>
              <a:ext uri="{FF2B5EF4-FFF2-40B4-BE49-F238E27FC236}">
                <a16:creationId xmlns:a16="http://schemas.microsoft.com/office/drawing/2014/main" id="{88EE40CC-F722-231C-423C-4DD0256DFC57}"/>
              </a:ext>
            </a:extLst>
          </p:cNvPr>
          <p:cNvSpPr txBox="1">
            <a:spLocks/>
          </p:cNvSpPr>
          <p:nvPr/>
        </p:nvSpPr>
        <p:spPr>
          <a:xfrm>
            <a:off x="10630800" y="6364800"/>
            <a:ext cx="691200" cy="180000"/>
          </a:xfrm>
          <a:prstGeom prst="rect">
            <a:avLst/>
          </a:prstGeom>
        </p:spPr>
        <p:txBody>
          <a:bodyPr vert="horz" lIns="0" tIns="0" rIns="0" bIns="0" rtlCol="0" anchor="b" anchorCtr="0"/>
          <a:lstStyle>
            <a:defPPr>
              <a:defRPr lang="en-US"/>
            </a:defPPr>
            <a:lvl1pPr algn="r" defTabSz="457200" rtl="0" eaLnBrk="0" fontAlgn="base" hangingPunct="0">
              <a:spcBef>
                <a:spcPct val="0"/>
              </a:spcBef>
              <a:spcAft>
                <a:spcPct val="0"/>
              </a:spcAft>
              <a:defRPr sz="800" kern="1200">
                <a:solidFill>
                  <a:srgbClr val="035C67"/>
                </a:solidFill>
                <a:latin typeface="Arial" panose="020B0604020202020204" pitchFamily="34" charset="0"/>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5DC5082E-2538-4C43-B98E-BD181BFDFAF9}" type="datetime1">
              <a:rPr lang="en-US" smtClean="0">
                <a:solidFill>
                  <a:schemeClr val="bg2"/>
                </a:solidFill>
              </a:rPr>
              <a:pPr/>
              <a:t>7/26/2024</a:t>
            </a:fld>
            <a:endParaRPr lang="en-US" dirty="0">
              <a:solidFill>
                <a:schemeClr val="bg2"/>
              </a:solidFill>
            </a:endParaRPr>
          </a:p>
        </p:txBody>
      </p:sp>
      <p:sp>
        <p:nvSpPr>
          <p:cNvPr id="37" name="Legal dynamic" descr="{&quot;templafy&quot;:{&quot;id&quot;:&quot;aa68e427-5bc3-493e-b5cc-087f9adfba53&quot;}}" title="Form.Cigna_Confidentiality.EvernorthConfidentiality">
            <a:extLst>
              <a:ext uri="{FF2B5EF4-FFF2-40B4-BE49-F238E27FC236}">
                <a16:creationId xmlns:a16="http://schemas.microsoft.com/office/drawing/2014/main" id="{0E752EC1-7DB0-7ED9-6AFB-712C18F20FE6}"/>
              </a:ext>
            </a:extLst>
          </p:cNvPr>
          <p:cNvSpPr/>
          <p:nvPr/>
        </p:nvSpPr>
        <p:spPr>
          <a:xfrm>
            <a:off x="6075680" y="62136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8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Tree>
    <p:extLst>
      <p:ext uri="{BB962C8B-B14F-4D97-AF65-F5344CB8AC3E}">
        <p14:creationId xmlns:p14="http://schemas.microsoft.com/office/powerpoint/2010/main" val="30107433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54ECFF64-0851-458A-4240-516E3E26751E}"/>
              </a:ext>
            </a:extLst>
          </p:cNvPr>
          <p:cNvSpPr/>
          <p:nvPr/>
        </p:nvSpPr>
        <p:spPr>
          <a:xfrm>
            <a:off x="3507129" y="0"/>
            <a:ext cx="8684871"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11" name="Group 10">
            <a:extLst>
              <a:ext uri="{FF2B5EF4-FFF2-40B4-BE49-F238E27FC236}">
                <a16:creationId xmlns:a16="http://schemas.microsoft.com/office/drawing/2014/main" id="{5F57BC76-4912-862F-DCB5-6AF69A84CB10}"/>
              </a:ext>
            </a:extLst>
          </p:cNvPr>
          <p:cNvGrpSpPr/>
          <p:nvPr/>
        </p:nvGrpSpPr>
        <p:grpSpPr>
          <a:xfrm>
            <a:off x="5191144" y="360622"/>
            <a:ext cx="6646544" cy="1399497"/>
            <a:chOff x="5036396" y="453220"/>
            <a:chExt cx="6646544" cy="1399497"/>
          </a:xfrm>
          <a:solidFill>
            <a:schemeClr val="accent2"/>
          </a:solidFill>
        </p:grpSpPr>
        <p:sp>
          <p:nvSpPr>
            <p:cNvPr id="13" name="Freeform: Shape 24">
              <a:extLst>
                <a:ext uri="{FF2B5EF4-FFF2-40B4-BE49-F238E27FC236}">
                  <a16:creationId xmlns:a16="http://schemas.microsoft.com/office/drawing/2014/main" id="{634F27D7-5931-4015-A1AD-CCB850F8501A}"/>
                </a:ext>
              </a:extLst>
            </p:cNvPr>
            <p:cNvSpPr/>
            <p:nvPr/>
          </p:nvSpPr>
          <p:spPr>
            <a:xfrm>
              <a:off x="8971745"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6999" y="0"/>
                  </a:lnTo>
                  <a:lnTo>
                    <a:pt x="36999" y="36999"/>
                  </a:lnTo>
                  <a:lnTo>
                    <a:pt x="0" y="36999"/>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4" name="Freeform: Shape 26">
              <a:extLst>
                <a:ext uri="{FF2B5EF4-FFF2-40B4-BE49-F238E27FC236}">
                  <a16:creationId xmlns:a16="http://schemas.microsoft.com/office/drawing/2014/main" id="{92697C7B-16E2-447C-E4BA-03D812BACD63}"/>
                </a:ext>
              </a:extLst>
            </p:cNvPr>
            <p:cNvSpPr/>
            <p:nvPr/>
          </p:nvSpPr>
          <p:spPr>
            <a:xfrm>
              <a:off x="8971745"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6999" y="0"/>
                  </a:lnTo>
                  <a:lnTo>
                    <a:pt x="36999" y="37042"/>
                  </a:lnTo>
                  <a:lnTo>
                    <a:pt x="0" y="37042"/>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5" name="Freeform: Shape 27">
              <a:extLst>
                <a:ext uri="{FF2B5EF4-FFF2-40B4-BE49-F238E27FC236}">
                  <a16:creationId xmlns:a16="http://schemas.microsoft.com/office/drawing/2014/main" id="{C73E4BD7-735B-607C-5B63-28B7FB4A51CF}"/>
                </a:ext>
              </a:extLst>
            </p:cNvPr>
            <p:cNvSpPr/>
            <p:nvPr/>
          </p:nvSpPr>
          <p:spPr>
            <a:xfrm>
              <a:off x="8971745"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6999" y="0"/>
                  </a:lnTo>
                  <a:lnTo>
                    <a:pt x="36999" y="36999"/>
                  </a:lnTo>
                  <a:lnTo>
                    <a:pt x="0" y="36999"/>
                  </a:lnTo>
                  <a:lnTo>
                    <a:pt x="0" y="50461"/>
                  </a:lnTo>
                  <a:lnTo>
                    <a:pt x="36999" y="50461"/>
                  </a:lnTo>
                  <a:lnTo>
                    <a:pt x="36999" y="87503"/>
                  </a:lnTo>
                  <a:lnTo>
                    <a:pt x="50503" y="87503"/>
                  </a:lnTo>
                  <a:close/>
                </a:path>
              </a:pathLst>
            </a:custGeom>
            <a:grpFill/>
            <a:ln w="0" cap="flat">
              <a:noFill/>
              <a:prstDash val="solid"/>
              <a:miter/>
            </a:ln>
          </p:spPr>
          <p:txBody>
            <a:bodyPr rtlCol="0" anchor="ctr"/>
            <a:lstStyle/>
            <a:p>
              <a:endParaRPr lang="en-US"/>
            </a:p>
          </p:txBody>
        </p:sp>
        <p:sp>
          <p:nvSpPr>
            <p:cNvPr id="16" name="Freeform: Shape 28">
              <a:extLst>
                <a:ext uri="{FF2B5EF4-FFF2-40B4-BE49-F238E27FC236}">
                  <a16:creationId xmlns:a16="http://schemas.microsoft.com/office/drawing/2014/main" id="{028CF75B-619A-433F-271D-00D712F2045E}"/>
                </a:ext>
              </a:extLst>
            </p:cNvPr>
            <p:cNvSpPr/>
            <p:nvPr/>
          </p:nvSpPr>
          <p:spPr>
            <a:xfrm>
              <a:off x="8315832" y="453220"/>
              <a:ext cx="87545" cy="87503"/>
            </a:xfrm>
            <a:custGeom>
              <a:avLst/>
              <a:gdLst>
                <a:gd name="connsiteX0" fmla="*/ 50504 w 87545"/>
                <a:gd name="connsiteY0" fmla="*/ 87503 h 87503"/>
                <a:gd name="connsiteX1" fmla="*/ 50504 w 87545"/>
                <a:gd name="connsiteY1" fmla="*/ 50504 h 87503"/>
                <a:gd name="connsiteX2" fmla="*/ 87546 w 87545"/>
                <a:gd name="connsiteY2" fmla="*/ 50504 h 87503"/>
                <a:gd name="connsiteX3" fmla="*/ 87546 w 87545"/>
                <a:gd name="connsiteY3" fmla="*/ 36999 h 87503"/>
                <a:gd name="connsiteX4" fmla="*/ 50504 w 87545"/>
                <a:gd name="connsiteY4" fmla="*/ 36999 h 87503"/>
                <a:gd name="connsiteX5" fmla="*/ 50504 w 87545"/>
                <a:gd name="connsiteY5" fmla="*/ 0 h 87503"/>
                <a:gd name="connsiteX6" fmla="*/ 37042 w 87545"/>
                <a:gd name="connsiteY6" fmla="*/ 0 h 87503"/>
                <a:gd name="connsiteX7" fmla="*/ 37042 w 87545"/>
                <a:gd name="connsiteY7" fmla="*/ 36999 h 87503"/>
                <a:gd name="connsiteX8" fmla="*/ 0 w 87545"/>
                <a:gd name="connsiteY8" fmla="*/ 36999 h 87503"/>
                <a:gd name="connsiteX9" fmla="*/ 0 w 87545"/>
                <a:gd name="connsiteY9" fmla="*/ 50504 h 87503"/>
                <a:gd name="connsiteX10" fmla="*/ 37042 w 87545"/>
                <a:gd name="connsiteY10" fmla="*/ 50504 h 87503"/>
                <a:gd name="connsiteX11" fmla="*/ 37042 w 87545"/>
                <a:gd name="connsiteY11" fmla="*/ 87503 h 87503"/>
                <a:gd name="connsiteX12" fmla="*/ 50504 w 87545"/>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7" name="Freeform: Shape 29">
              <a:extLst>
                <a:ext uri="{FF2B5EF4-FFF2-40B4-BE49-F238E27FC236}">
                  <a16:creationId xmlns:a16="http://schemas.microsoft.com/office/drawing/2014/main" id="{674D87F4-E46F-E033-BDBE-26A245CA9932}"/>
                </a:ext>
              </a:extLst>
            </p:cNvPr>
            <p:cNvSpPr/>
            <p:nvPr/>
          </p:nvSpPr>
          <p:spPr>
            <a:xfrm>
              <a:off x="8315832" y="1108879"/>
              <a:ext cx="87545" cy="87502"/>
            </a:xfrm>
            <a:custGeom>
              <a:avLst/>
              <a:gdLst>
                <a:gd name="connsiteX0" fmla="*/ 50504 w 87545"/>
                <a:gd name="connsiteY0" fmla="*/ 87503 h 87502"/>
                <a:gd name="connsiteX1" fmla="*/ 50504 w 87545"/>
                <a:gd name="connsiteY1" fmla="*/ 50504 h 87502"/>
                <a:gd name="connsiteX2" fmla="*/ 87546 w 87545"/>
                <a:gd name="connsiteY2" fmla="*/ 50504 h 87502"/>
                <a:gd name="connsiteX3" fmla="*/ 87546 w 87545"/>
                <a:gd name="connsiteY3" fmla="*/ 37042 h 87502"/>
                <a:gd name="connsiteX4" fmla="*/ 50504 w 87545"/>
                <a:gd name="connsiteY4" fmla="*/ 37042 h 87502"/>
                <a:gd name="connsiteX5" fmla="*/ 50504 w 87545"/>
                <a:gd name="connsiteY5" fmla="*/ 0 h 87502"/>
                <a:gd name="connsiteX6" fmla="*/ 37042 w 87545"/>
                <a:gd name="connsiteY6" fmla="*/ 0 h 87502"/>
                <a:gd name="connsiteX7" fmla="*/ 37042 w 87545"/>
                <a:gd name="connsiteY7" fmla="*/ 37042 h 87502"/>
                <a:gd name="connsiteX8" fmla="*/ 0 w 87545"/>
                <a:gd name="connsiteY8" fmla="*/ 37042 h 87502"/>
                <a:gd name="connsiteX9" fmla="*/ 0 w 87545"/>
                <a:gd name="connsiteY9" fmla="*/ 50504 h 87502"/>
                <a:gd name="connsiteX10" fmla="*/ 37042 w 87545"/>
                <a:gd name="connsiteY10" fmla="*/ 50504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8" name="Freeform: Shape 30">
              <a:extLst>
                <a:ext uri="{FF2B5EF4-FFF2-40B4-BE49-F238E27FC236}">
                  <a16:creationId xmlns:a16="http://schemas.microsoft.com/office/drawing/2014/main" id="{F9F5BEF6-A425-C5DA-FF7F-9A3896DADB88}"/>
                </a:ext>
              </a:extLst>
            </p:cNvPr>
            <p:cNvSpPr/>
            <p:nvPr/>
          </p:nvSpPr>
          <p:spPr>
            <a:xfrm>
              <a:off x="8315832" y="1765215"/>
              <a:ext cx="87545" cy="87502"/>
            </a:xfrm>
            <a:custGeom>
              <a:avLst/>
              <a:gdLst>
                <a:gd name="connsiteX0" fmla="*/ 50504 w 87545"/>
                <a:gd name="connsiteY0" fmla="*/ 87503 h 87502"/>
                <a:gd name="connsiteX1" fmla="*/ 50504 w 87545"/>
                <a:gd name="connsiteY1" fmla="*/ 50461 h 87502"/>
                <a:gd name="connsiteX2" fmla="*/ 87546 w 87545"/>
                <a:gd name="connsiteY2" fmla="*/ 50461 h 87502"/>
                <a:gd name="connsiteX3" fmla="*/ 87546 w 87545"/>
                <a:gd name="connsiteY3" fmla="*/ 36999 h 87502"/>
                <a:gd name="connsiteX4" fmla="*/ 50504 w 87545"/>
                <a:gd name="connsiteY4" fmla="*/ 36999 h 87502"/>
                <a:gd name="connsiteX5" fmla="*/ 50504 w 87545"/>
                <a:gd name="connsiteY5" fmla="*/ 0 h 87502"/>
                <a:gd name="connsiteX6" fmla="*/ 37042 w 87545"/>
                <a:gd name="connsiteY6" fmla="*/ 0 h 87502"/>
                <a:gd name="connsiteX7" fmla="*/ 37042 w 87545"/>
                <a:gd name="connsiteY7" fmla="*/ 36999 h 87502"/>
                <a:gd name="connsiteX8" fmla="*/ 0 w 87545"/>
                <a:gd name="connsiteY8" fmla="*/ 36999 h 87502"/>
                <a:gd name="connsiteX9" fmla="*/ 0 w 87545"/>
                <a:gd name="connsiteY9" fmla="*/ 50461 h 87502"/>
                <a:gd name="connsiteX10" fmla="*/ 37042 w 87545"/>
                <a:gd name="connsiteY10" fmla="*/ 50461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19" name="Freeform: Shape 31">
              <a:extLst>
                <a:ext uri="{FF2B5EF4-FFF2-40B4-BE49-F238E27FC236}">
                  <a16:creationId xmlns:a16="http://schemas.microsoft.com/office/drawing/2014/main" id="{3E3C6D14-766D-8FAF-2E35-7AA51DD98243}"/>
                </a:ext>
              </a:extLst>
            </p:cNvPr>
            <p:cNvSpPr/>
            <p:nvPr/>
          </p:nvSpPr>
          <p:spPr>
            <a:xfrm>
              <a:off x="7659962"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0" name="Freeform: Shape 32">
              <a:extLst>
                <a:ext uri="{FF2B5EF4-FFF2-40B4-BE49-F238E27FC236}">
                  <a16:creationId xmlns:a16="http://schemas.microsoft.com/office/drawing/2014/main" id="{5F3F56C7-188A-6BA7-5457-EB334E330935}"/>
                </a:ext>
              </a:extLst>
            </p:cNvPr>
            <p:cNvSpPr/>
            <p:nvPr/>
          </p:nvSpPr>
          <p:spPr>
            <a:xfrm>
              <a:off x="7659962"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1" name="Freeform: Shape 33">
              <a:extLst>
                <a:ext uri="{FF2B5EF4-FFF2-40B4-BE49-F238E27FC236}">
                  <a16:creationId xmlns:a16="http://schemas.microsoft.com/office/drawing/2014/main" id="{4911F5CE-D101-5093-971B-D1BD03D4A80B}"/>
                </a:ext>
              </a:extLst>
            </p:cNvPr>
            <p:cNvSpPr/>
            <p:nvPr/>
          </p:nvSpPr>
          <p:spPr>
            <a:xfrm>
              <a:off x="7659962"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2" name="Freeform: Shape 37">
              <a:extLst>
                <a:ext uri="{FF2B5EF4-FFF2-40B4-BE49-F238E27FC236}">
                  <a16:creationId xmlns:a16="http://schemas.microsoft.com/office/drawing/2014/main" id="{2529CFE6-F1F8-3A57-7313-7BDCC4DB5E8F}"/>
                </a:ext>
              </a:extLst>
            </p:cNvPr>
            <p:cNvSpPr/>
            <p:nvPr/>
          </p:nvSpPr>
          <p:spPr>
            <a:xfrm>
              <a:off x="7004049"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3" name="Freeform: Shape 38">
              <a:extLst>
                <a:ext uri="{FF2B5EF4-FFF2-40B4-BE49-F238E27FC236}">
                  <a16:creationId xmlns:a16="http://schemas.microsoft.com/office/drawing/2014/main" id="{85F62267-23FE-F38E-4556-FD00DE3B49B6}"/>
                </a:ext>
              </a:extLst>
            </p:cNvPr>
            <p:cNvSpPr/>
            <p:nvPr/>
          </p:nvSpPr>
          <p:spPr>
            <a:xfrm>
              <a:off x="7004049"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4" name="Freeform: Shape 39">
              <a:extLst>
                <a:ext uri="{FF2B5EF4-FFF2-40B4-BE49-F238E27FC236}">
                  <a16:creationId xmlns:a16="http://schemas.microsoft.com/office/drawing/2014/main" id="{00D13425-9724-D05F-29F0-7D65BBFECB93}"/>
                </a:ext>
              </a:extLst>
            </p:cNvPr>
            <p:cNvSpPr/>
            <p:nvPr/>
          </p:nvSpPr>
          <p:spPr>
            <a:xfrm>
              <a:off x="7004049"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25" name="Freeform: Shape 40">
              <a:extLst>
                <a:ext uri="{FF2B5EF4-FFF2-40B4-BE49-F238E27FC236}">
                  <a16:creationId xmlns:a16="http://schemas.microsoft.com/office/drawing/2014/main" id="{B92A81D8-4384-237E-2A35-EBDDE41D2B38}"/>
                </a:ext>
              </a:extLst>
            </p:cNvPr>
            <p:cNvSpPr/>
            <p:nvPr/>
          </p:nvSpPr>
          <p:spPr>
            <a:xfrm>
              <a:off x="6348179"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6" name="Freeform: Shape 41">
              <a:extLst>
                <a:ext uri="{FF2B5EF4-FFF2-40B4-BE49-F238E27FC236}">
                  <a16:creationId xmlns:a16="http://schemas.microsoft.com/office/drawing/2014/main" id="{A72D98C7-3DE6-D47C-2CEE-51D461860561}"/>
                </a:ext>
              </a:extLst>
            </p:cNvPr>
            <p:cNvSpPr/>
            <p:nvPr/>
          </p:nvSpPr>
          <p:spPr>
            <a:xfrm>
              <a:off x="6348179"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7" name="Freeform: Shape 42">
              <a:extLst>
                <a:ext uri="{FF2B5EF4-FFF2-40B4-BE49-F238E27FC236}">
                  <a16:creationId xmlns:a16="http://schemas.microsoft.com/office/drawing/2014/main" id="{1AF5F2EC-CE09-4B2D-8F5F-A5B5D16430E6}"/>
                </a:ext>
              </a:extLst>
            </p:cNvPr>
            <p:cNvSpPr/>
            <p:nvPr/>
          </p:nvSpPr>
          <p:spPr>
            <a:xfrm>
              <a:off x="6348179"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8" name="Freeform: Shape 43">
              <a:extLst>
                <a:ext uri="{FF2B5EF4-FFF2-40B4-BE49-F238E27FC236}">
                  <a16:creationId xmlns:a16="http://schemas.microsoft.com/office/drawing/2014/main" id="{06C3AAB4-4A13-E98E-4986-FBE9AAF6818E}"/>
                </a:ext>
              </a:extLst>
            </p:cNvPr>
            <p:cNvSpPr/>
            <p:nvPr/>
          </p:nvSpPr>
          <p:spPr>
            <a:xfrm>
              <a:off x="5692267"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1" name="Freeform: Shape 44">
              <a:extLst>
                <a:ext uri="{FF2B5EF4-FFF2-40B4-BE49-F238E27FC236}">
                  <a16:creationId xmlns:a16="http://schemas.microsoft.com/office/drawing/2014/main" id="{5DC41893-6C3C-3F7F-140A-B07DA2FEF97D}"/>
                </a:ext>
              </a:extLst>
            </p:cNvPr>
            <p:cNvSpPr/>
            <p:nvPr/>
          </p:nvSpPr>
          <p:spPr>
            <a:xfrm>
              <a:off x="5692267"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3" name="Freeform: Shape 45">
              <a:extLst>
                <a:ext uri="{FF2B5EF4-FFF2-40B4-BE49-F238E27FC236}">
                  <a16:creationId xmlns:a16="http://schemas.microsoft.com/office/drawing/2014/main" id="{A3CFA0EE-FBC0-FAD6-A0B1-96E9FB7E79A1}"/>
                </a:ext>
              </a:extLst>
            </p:cNvPr>
            <p:cNvSpPr/>
            <p:nvPr/>
          </p:nvSpPr>
          <p:spPr>
            <a:xfrm>
              <a:off x="5692267"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34" name="Freeform: Shape 46">
              <a:extLst>
                <a:ext uri="{FF2B5EF4-FFF2-40B4-BE49-F238E27FC236}">
                  <a16:creationId xmlns:a16="http://schemas.microsoft.com/office/drawing/2014/main" id="{76040B53-699D-9B78-2839-B48390143CDA}"/>
                </a:ext>
              </a:extLst>
            </p:cNvPr>
            <p:cNvSpPr/>
            <p:nvPr/>
          </p:nvSpPr>
          <p:spPr>
            <a:xfrm>
              <a:off x="5036396"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5" name="Freeform: Shape 47">
              <a:extLst>
                <a:ext uri="{FF2B5EF4-FFF2-40B4-BE49-F238E27FC236}">
                  <a16:creationId xmlns:a16="http://schemas.microsoft.com/office/drawing/2014/main" id="{D1114955-4C44-6F0F-09FC-E949BB7EC2BB}"/>
                </a:ext>
              </a:extLst>
            </p:cNvPr>
            <p:cNvSpPr/>
            <p:nvPr/>
          </p:nvSpPr>
          <p:spPr>
            <a:xfrm>
              <a:off x="5036396"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6" name="Freeform: Shape 48">
              <a:extLst>
                <a:ext uri="{FF2B5EF4-FFF2-40B4-BE49-F238E27FC236}">
                  <a16:creationId xmlns:a16="http://schemas.microsoft.com/office/drawing/2014/main" id="{4D12ADEA-6A94-06CC-6535-19AB5CC26FD6}"/>
                </a:ext>
              </a:extLst>
            </p:cNvPr>
            <p:cNvSpPr/>
            <p:nvPr/>
          </p:nvSpPr>
          <p:spPr>
            <a:xfrm>
              <a:off x="5036396"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38" name="Freeform: Shape 73">
              <a:extLst>
                <a:ext uri="{FF2B5EF4-FFF2-40B4-BE49-F238E27FC236}">
                  <a16:creationId xmlns:a16="http://schemas.microsoft.com/office/drawing/2014/main" id="{5745204F-E7DE-47BA-B63B-FD6B933777CD}"/>
                </a:ext>
              </a:extLst>
            </p:cNvPr>
            <p:cNvSpPr/>
            <p:nvPr/>
          </p:nvSpPr>
          <p:spPr>
            <a:xfrm>
              <a:off x="9627658"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7042 w 87502"/>
                <a:gd name="connsiteY6" fmla="*/ 0 h 87503"/>
                <a:gd name="connsiteX7" fmla="*/ 37042 w 87502"/>
                <a:gd name="connsiteY7" fmla="*/ 36999 h 87503"/>
                <a:gd name="connsiteX8" fmla="*/ 0 w 87502"/>
                <a:gd name="connsiteY8" fmla="*/ 36999 h 87503"/>
                <a:gd name="connsiteX9" fmla="*/ 0 w 87502"/>
                <a:gd name="connsiteY9" fmla="*/ 50504 h 87503"/>
                <a:gd name="connsiteX10" fmla="*/ 37042 w 87502"/>
                <a:gd name="connsiteY10" fmla="*/ 50504 h 87503"/>
                <a:gd name="connsiteX11" fmla="*/ 37042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7042" y="0"/>
                  </a:lnTo>
                  <a:lnTo>
                    <a:pt x="37042" y="36999"/>
                  </a:lnTo>
                  <a:lnTo>
                    <a:pt x="0" y="36999"/>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39" name="Freeform: Shape 74">
              <a:extLst>
                <a:ext uri="{FF2B5EF4-FFF2-40B4-BE49-F238E27FC236}">
                  <a16:creationId xmlns:a16="http://schemas.microsoft.com/office/drawing/2014/main" id="{B252B531-9239-92CA-7645-5FCA00DDD1C8}"/>
                </a:ext>
              </a:extLst>
            </p:cNvPr>
            <p:cNvSpPr/>
            <p:nvPr/>
          </p:nvSpPr>
          <p:spPr>
            <a:xfrm>
              <a:off x="9627658"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7042 w 87502"/>
                <a:gd name="connsiteY6" fmla="*/ 0 h 87502"/>
                <a:gd name="connsiteX7" fmla="*/ 37042 w 87502"/>
                <a:gd name="connsiteY7" fmla="*/ 37042 h 87502"/>
                <a:gd name="connsiteX8" fmla="*/ 0 w 87502"/>
                <a:gd name="connsiteY8" fmla="*/ 37042 h 87502"/>
                <a:gd name="connsiteX9" fmla="*/ 0 w 87502"/>
                <a:gd name="connsiteY9" fmla="*/ 50504 h 87502"/>
                <a:gd name="connsiteX10" fmla="*/ 37042 w 87502"/>
                <a:gd name="connsiteY10" fmla="*/ 50504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7042" y="0"/>
                  </a:lnTo>
                  <a:lnTo>
                    <a:pt x="37042" y="37042"/>
                  </a:lnTo>
                  <a:lnTo>
                    <a:pt x="0" y="37042"/>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40" name="Freeform: Shape 75">
              <a:extLst>
                <a:ext uri="{FF2B5EF4-FFF2-40B4-BE49-F238E27FC236}">
                  <a16:creationId xmlns:a16="http://schemas.microsoft.com/office/drawing/2014/main" id="{2BAD8948-458C-5977-A8DD-BD7AD189E9ED}"/>
                </a:ext>
              </a:extLst>
            </p:cNvPr>
            <p:cNvSpPr/>
            <p:nvPr/>
          </p:nvSpPr>
          <p:spPr>
            <a:xfrm>
              <a:off x="9627658"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7042 w 87502"/>
                <a:gd name="connsiteY6" fmla="*/ 0 h 87502"/>
                <a:gd name="connsiteX7" fmla="*/ 37042 w 87502"/>
                <a:gd name="connsiteY7" fmla="*/ 36999 h 87502"/>
                <a:gd name="connsiteX8" fmla="*/ 0 w 87502"/>
                <a:gd name="connsiteY8" fmla="*/ 36999 h 87502"/>
                <a:gd name="connsiteX9" fmla="*/ 0 w 87502"/>
                <a:gd name="connsiteY9" fmla="*/ 50461 h 87502"/>
                <a:gd name="connsiteX10" fmla="*/ 37042 w 87502"/>
                <a:gd name="connsiteY10" fmla="*/ 50461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7042" y="0"/>
                  </a:lnTo>
                  <a:lnTo>
                    <a:pt x="37042" y="36999"/>
                  </a:lnTo>
                  <a:lnTo>
                    <a:pt x="0" y="36999"/>
                  </a:lnTo>
                  <a:lnTo>
                    <a:pt x="0" y="50461"/>
                  </a:lnTo>
                  <a:lnTo>
                    <a:pt x="37042" y="50461"/>
                  </a:lnTo>
                  <a:lnTo>
                    <a:pt x="37042" y="87503"/>
                  </a:lnTo>
                  <a:lnTo>
                    <a:pt x="50503" y="87503"/>
                  </a:lnTo>
                  <a:close/>
                </a:path>
              </a:pathLst>
            </a:custGeom>
            <a:grpFill/>
            <a:ln w="0" cap="flat">
              <a:noFill/>
              <a:prstDash val="solid"/>
              <a:miter/>
            </a:ln>
          </p:spPr>
          <p:txBody>
            <a:bodyPr rtlCol="0" anchor="ctr"/>
            <a:lstStyle/>
            <a:p>
              <a:endParaRPr lang="en-US"/>
            </a:p>
          </p:txBody>
        </p:sp>
        <p:sp>
          <p:nvSpPr>
            <p:cNvPr id="41" name="Freeform: Shape 76">
              <a:extLst>
                <a:ext uri="{FF2B5EF4-FFF2-40B4-BE49-F238E27FC236}">
                  <a16:creationId xmlns:a16="http://schemas.microsoft.com/office/drawing/2014/main" id="{222FAAE2-0427-28D6-B5C6-21EEBA9ACBB6}"/>
                </a:ext>
              </a:extLst>
            </p:cNvPr>
            <p:cNvSpPr/>
            <p:nvPr/>
          </p:nvSpPr>
          <p:spPr>
            <a:xfrm>
              <a:off x="10283570" y="453220"/>
              <a:ext cx="87546" cy="87503"/>
            </a:xfrm>
            <a:custGeom>
              <a:avLst/>
              <a:gdLst>
                <a:gd name="connsiteX0" fmla="*/ 50504 w 87546"/>
                <a:gd name="connsiteY0" fmla="*/ 87503 h 87503"/>
                <a:gd name="connsiteX1" fmla="*/ 50504 w 87546"/>
                <a:gd name="connsiteY1" fmla="*/ 50504 h 87503"/>
                <a:gd name="connsiteX2" fmla="*/ 87546 w 87546"/>
                <a:gd name="connsiteY2" fmla="*/ 50504 h 87503"/>
                <a:gd name="connsiteX3" fmla="*/ 87546 w 87546"/>
                <a:gd name="connsiteY3" fmla="*/ 36999 h 87503"/>
                <a:gd name="connsiteX4" fmla="*/ 50504 w 87546"/>
                <a:gd name="connsiteY4" fmla="*/ 36999 h 87503"/>
                <a:gd name="connsiteX5" fmla="*/ 50504 w 87546"/>
                <a:gd name="connsiteY5" fmla="*/ 0 h 87503"/>
                <a:gd name="connsiteX6" fmla="*/ 37042 w 87546"/>
                <a:gd name="connsiteY6" fmla="*/ 0 h 87503"/>
                <a:gd name="connsiteX7" fmla="*/ 37042 w 87546"/>
                <a:gd name="connsiteY7" fmla="*/ 36999 h 87503"/>
                <a:gd name="connsiteX8" fmla="*/ 0 w 87546"/>
                <a:gd name="connsiteY8" fmla="*/ 36999 h 87503"/>
                <a:gd name="connsiteX9" fmla="*/ 0 w 87546"/>
                <a:gd name="connsiteY9" fmla="*/ 50504 h 87503"/>
                <a:gd name="connsiteX10" fmla="*/ 37042 w 87546"/>
                <a:gd name="connsiteY10" fmla="*/ 50504 h 87503"/>
                <a:gd name="connsiteX11" fmla="*/ 37042 w 87546"/>
                <a:gd name="connsiteY11" fmla="*/ 87503 h 87503"/>
                <a:gd name="connsiteX12" fmla="*/ 50504 w 87546"/>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dirty="0"/>
            </a:p>
          </p:txBody>
        </p:sp>
        <p:sp>
          <p:nvSpPr>
            <p:cNvPr id="42" name="Freeform: Shape 77">
              <a:extLst>
                <a:ext uri="{FF2B5EF4-FFF2-40B4-BE49-F238E27FC236}">
                  <a16:creationId xmlns:a16="http://schemas.microsoft.com/office/drawing/2014/main" id="{483D388D-4FFA-8A16-5F86-F425AFE79098}"/>
                </a:ext>
              </a:extLst>
            </p:cNvPr>
            <p:cNvSpPr/>
            <p:nvPr/>
          </p:nvSpPr>
          <p:spPr>
            <a:xfrm>
              <a:off x="10283570" y="1108879"/>
              <a:ext cx="87546" cy="87502"/>
            </a:xfrm>
            <a:custGeom>
              <a:avLst/>
              <a:gdLst>
                <a:gd name="connsiteX0" fmla="*/ 50504 w 87546"/>
                <a:gd name="connsiteY0" fmla="*/ 87503 h 87502"/>
                <a:gd name="connsiteX1" fmla="*/ 50504 w 87546"/>
                <a:gd name="connsiteY1" fmla="*/ 50504 h 87502"/>
                <a:gd name="connsiteX2" fmla="*/ 87546 w 87546"/>
                <a:gd name="connsiteY2" fmla="*/ 50504 h 87502"/>
                <a:gd name="connsiteX3" fmla="*/ 87546 w 87546"/>
                <a:gd name="connsiteY3" fmla="*/ 37042 h 87502"/>
                <a:gd name="connsiteX4" fmla="*/ 50504 w 87546"/>
                <a:gd name="connsiteY4" fmla="*/ 37042 h 87502"/>
                <a:gd name="connsiteX5" fmla="*/ 50504 w 87546"/>
                <a:gd name="connsiteY5" fmla="*/ 0 h 87502"/>
                <a:gd name="connsiteX6" fmla="*/ 37042 w 87546"/>
                <a:gd name="connsiteY6" fmla="*/ 0 h 87502"/>
                <a:gd name="connsiteX7" fmla="*/ 37042 w 87546"/>
                <a:gd name="connsiteY7" fmla="*/ 37042 h 87502"/>
                <a:gd name="connsiteX8" fmla="*/ 0 w 87546"/>
                <a:gd name="connsiteY8" fmla="*/ 37042 h 87502"/>
                <a:gd name="connsiteX9" fmla="*/ 0 w 87546"/>
                <a:gd name="connsiteY9" fmla="*/ 50504 h 87502"/>
                <a:gd name="connsiteX10" fmla="*/ 37042 w 87546"/>
                <a:gd name="connsiteY10" fmla="*/ 50504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43" name="Freeform: Shape 78">
              <a:extLst>
                <a:ext uri="{FF2B5EF4-FFF2-40B4-BE49-F238E27FC236}">
                  <a16:creationId xmlns:a16="http://schemas.microsoft.com/office/drawing/2014/main" id="{99DAB3A4-1947-3FC3-52D1-30073C23C599}"/>
                </a:ext>
              </a:extLst>
            </p:cNvPr>
            <p:cNvSpPr/>
            <p:nvPr/>
          </p:nvSpPr>
          <p:spPr>
            <a:xfrm>
              <a:off x="10283570" y="1765215"/>
              <a:ext cx="87546" cy="87502"/>
            </a:xfrm>
            <a:custGeom>
              <a:avLst/>
              <a:gdLst>
                <a:gd name="connsiteX0" fmla="*/ 50504 w 87546"/>
                <a:gd name="connsiteY0" fmla="*/ 87503 h 87502"/>
                <a:gd name="connsiteX1" fmla="*/ 50504 w 87546"/>
                <a:gd name="connsiteY1" fmla="*/ 50461 h 87502"/>
                <a:gd name="connsiteX2" fmla="*/ 87546 w 87546"/>
                <a:gd name="connsiteY2" fmla="*/ 50461 h 87502"/>
                <a:gd name="connsiteX3" fmla="*/ 87546 w 87546"/>
                <a:gd name="connsiteY3" fmla="*/ 36999 h 87502"/>
                <a:gd name="connsiteX4" fmla="*/ 50504 w 87546"/>
                <a:gd name="connsiteY4" fmla="*/ 36999 h 87502"/>
                <a:gd name="connsiteX5" fmla="*/ 50504 w 87546"/>
                <a:gd name="connsiteY5" fmla="*/ 0 h 87502"/>
                <a:gd name="connsiteX6" fmla="*/ 37042 w 87546"/>
                <a:gd name="connsiteY6" fmla="*/ 0 h 87502"/>
                <a:gd name="connsiteX7" fmla="*/ 37042 w 87546"/>
                <a:gd name="connsiteY7" fmla="*/ 36999 h 87502"/>
                <a:gd name="connsiteX8" fmla="*/ 0 w 87546"/>
                <a:gd name="connsiteY8" fmla="*/ 36999 h 87502"/>
                <a:gd name="connsiteX9" fmla="*/ 0 w 87546"/>
                <a:gd name="connsiteY9" fmla="*/ 50461 h 87502"/>
                <a:gd name="connsiteX10" fmla="*/ 37042 w 87546"/>
                <a:gd name="connsiteY10" fmla="*/ 50461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44" name="Freeform: Shape 79">
              <a:extLst>
                <a:ext uri="{FF2B5EF4-FFF2-40B4-BE49-F238E27FC236}">
                  <a16:creationId xmlns:a16="http://schemas.microsoft.com/office/drawing/2014/main" id="{562677DC-09C0-7380-1949-28136F0A50A0}"/>
                </a:ext>
              </a:extLst>
            </p:cNvPr>
            <p:cNvSpPr/>
            <p:nvPr/>
          </p:nvSpPr>
          <p:spPr>
            <a:xfrm>
              <a:off x="10939525" y="453220"/>
              <a:ext cx="87503" cy="87503"/>
            </a:xfrm>
            <a:custGeom>
              <a:avLst/>
              <a:gdLst>
                <a:gd name="connsiteX0" fmla="*/ 50462 w 87503"/>
                <a:gd name="connsiteY0" fmla="*/ 87503 h 87503"/>
                <a:gd name="connsiteX1" fmla="*/ 50462 w 87503"/>
                <a:gd name="connsiteY1" fmla="*/ 50504 h 87503"/>
                <a:gd name="connsiteX2" fmla="*/ 87504 w 87503"/>
                <a:gd name="connsiteY2" fmla="*/ 50504 h 87503"/>
                <a:gd name="connsiteX3" fmla="*/ 87504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4" y="50504"/>
                  </a:lnTo>
                  <a:lnTo>
                    <a:pt x="87504"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5" name="Freeform: Shape 80">
              <a:extLst>
                <a:ext uri="{FF2B5EF4-FFF2-40B4-BE49-F238E27FC236}">
                  <a16:creationId xmlns:a16="http://schemas.microsoft.com/office/drawing/2014/main" id="{288192EE-3AE7-C0A7-B028-2BBF7793CC04}"/>
                </a:ext>
              </a:extLst>
            </p:cNvPr>
            <p:cNvSpPr/>
            <p:nvPr/>
          </p:nvSpPr>
          <p:spPr>
            <a:xfrm>
              <a:off x="10939525" y="1108879"/>
              <a:ext cx="87503" cy="87502"/>
            </a:xfrm>
            <a:custGeom>
              <a:avLst/>
              <a:gdLst>
                <a:gd name="connsiteX0" fmla="*/ 50462 w 87503"/>
                <a:gd name="connsiteY0" fmla="*/ 87503 h 87502"/>
                <a:gd name="connsiteX1" fmla="*/ 50462 w 87503"/>
                <a:gd name="connsiteY1" fmla="*/ 50504 h 87502"/>
                <a:gd name="connsiteX2" fmla="*/ 87504 w 87503"/>
                <a:gd name="connsiteY2" fmla="*/ 50504 h 87502"/>
                <a:gd name="connsiteX3" fmla="*/ 87504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4" y="50504"/>
                  </a:lnTo>
                  <a:lnTo>
                    <a:pt x="87504"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6" name="Freeform: Shape 81">
              <a:extLst>
                <a:ext uri="{FF2B5EF4-FFF2-40B4-BE49-F238E27FC236}">
                  <a16:creationId xmlns:a16="http://schemas.microsoft.com/office/drawing/2014/main" id="{129B0887-3CFC-EA92-BA6F-1771512B8A35}"/>
                </a:ext>
              </a:extLst>
            </p:cNvPr>
            <p:cNvSpPr/>
            <p:nvPr/>
          </p:nvSpPr>
          <p:spPr>
            <a:xfrm>
              <a:off x="10939525" y="1765215"/>
              <a:ext cx="87503" cy="87502"/>
            </a:xfrm>
            <a:custGeom>
              <a:avLst/>
              <a:gdLst>
                <a:gd name="connsiteX0" fmla="*/ 50462 w 87503"/>
                <a:gd name="connsiteY0" fmla="*/ 87503 h 87502"/>
                <a:gd name="connsiteX1" fmla="*/ 50462 w 87503"/>
                <a:gd name="connsiteY1" fmla="*/ 50461 h 87502"/>
                <a:gd name="connsiteX2" fmla="*/ 87504 w 87503"/>
                <a:gd name="connsiteY2" fmla="*/ 50461 h 87502"/>
                <a:gd name="connsiteX3" fmla="*/ 87504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4" y="50461"/>
                  </a:lnTo>
                  <a:lnTo>
                    <a:pt x="87504"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47" name="Freeform: Shape 82">
              <a:extLst>
                <a:ext uri="{FF2B5EF4-FFF2-40B4-BE49-F238E27FC236}">
                  <a16:creationId xmlns:a16="http://schemas.microsoft.com/office/drawing/2014/main" id="{A8E6D43B-2DDA-CFA4-BF8B-85F86850C71A}"/>
                </a:ext>
              </a:extLst>
            </p:cNvPr>
            <p:cNvSpPr/>
            <p:nvPr/>
          </p:nvSpPr>
          <p:spPr>
            <a:xfrm>
              <a:off x="11595438" y="453220"/>
              <a:ext cx="87502" cy="87503"/>
            </a:xfrm>
            <a:custGeom>
              <a:avLst/>
              <a:gdLst>
                <a:gd name="connsiteX0" fmla="*/ 50461 w 87502"/>
                <a:gd name="connsiteY0" fmla="*/ 87503 h 87503"/>
                <a:gd name="connsiteX1" fmla="*/ 50461 w 87502"/>
                <a:gd name="connsiteY1" fmla="*/ 50504 h 87503"/>
                <a:gd name="connsiteX2" fmla="*/ 87503 w 87502"/>
                <a:gd name="connsiteY2" fmla="*/ 50504 h 87503"/>
                <a:gd name="connsiteX3" fmla="*/ 87503 w 87502"/>
                <a:gd name="connsiteY3" fmla="*/ 36999 h 87503"/>
                <a:gd name="connsiteX4" fmla="*/ 50461 w 87502"/>
                <a:gd name="connsiteY4" fmla="*/ 36999 h 87503"/>
                <a:gd name="connsiteX5" fmla="*/ 50461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461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461" y="87503"/>
                  </a:moveTo>
                  <a:lnTo>
                    <a:pt x="50461" y="50504"/>
                  </a:lnTo>
                  <a:lnTo>
                    <a:pt x="87503" y="50504"/>
                  </a:lnTo>
                  <a:lnTo>
                    <a:pt x="87503" y="36999"/>
                  </a:lnTo>
                  <a:lnTo>
                    <a:pt x="50461" y="36999"/>
                  </a:lnTo>
                  <a:lnTo>
                    <a:pt x="50461" y="0"/>
                  </a:lnTo>
                  <a:lnTo>
                    <a:pt x="36999" y="0"/>
                  </a:lnTo>
                  <a:lnTo>
                    <a:pt x="36999" y="36999"/>
                  </a:lnTo>
                  <a:lnTo>
                    <a:pt x="0" y="36999"/>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8" name="Freeform: Shape 83">
              <a:extLst>
                <a:ext uri="{FF2B5EF4-FFF2-40B4-BE49-F238E27FC236}">
                  <a16:creationId xmlns:a16="http://schemas.microsoft.com/office/drawing/2014/main" id="{25B3F3F7-4615-93FF-AE23-F55F0DC82411}"/>
                </a:ext>
              </a:extLst>
            </p:cNvPr>
            <p:cNvSpPr/>
            <p:nvPr/>
          </p:nvSpPr>
          <p:spPr>
            <a:xfrm>
              <a:off x="11595438" y="1108879"/>
              <a:ext cx="87502" cy="87502"/>
            </a:xfrm>
            <a:custGeom>
              <a:avLst/>
              <a:gdLst>
                <a:gd name="connsiteX0" fmla="*/ 50461 w 87502"/>
                <a:gd name="connsiteY0" fmla="*/ 87503 h 87502"/>
                <a:gd name="connsiteX1" fmla="*/ 50461 w 87502"/>
                <a:gd name="connsiteY1" fmla="*/ 50504 h 87502"/>
                <a:gd name="connsiteX2" fmla="*/ 87503 w 87502"/>
                <a:gd name="connsiteY2" fmla="*/ 50504 h 87502"/>
                <a:gd name="connsiteX3" fmla="*/ 87503 w 87502"/>
                <a:gd name="connsiteY3" fmla="*/ 37042 h 87502"/>
                <a:gd name="connsiteX4" fmla="*/ 50461 w 87502"/>
                <a:gd name="connsiteY4" fmla="*/ 37042 h 87502"/>
                <a:gd name="connsiteX5" fmla="*/ 50461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504"/>
                  </a:lnTo>
                  <a:lnTo>
                    <a:pt x="87503" y="50504"/>
                  </a:lnTo>
                  <a:lnTo>
                    <a:pt x="87503" y="37042"/>
                  </a:lnTo>
                  <a:lnTo>
                    <a:pt x="50461" y="37042"/>
                  </a:lnTo>
                  <a:lnTo>
                    <a:pt x="50461" y="0"/>
                  </a:lnTo>
                  <a:lnTo>
                    <a:pt x="36999" y="0"/>
                  </a:lnTo>
                  <a:lnTo>
                    <a:pt x="36999" y="37042"/>
                  </a:lnTo>
                  <a:lnTo>
                    <a:pt x="0" y="37042"/>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9" name="Freeform: Shape 84">
              <a:extLst>
                <a:ext uri="{FF2B5EF4-FFF2-40B4-BE49-F238E27FC236}">
                  <a16:creationId xmlns:a16="http://schemas.microsoft.com/office/drawing/2014/main" id="{5D27012A-C802-63A7-4F84-C8EEB1C3403C}"/>
                </a:ext>
              </a:extLst>
            </p:cNvPr>
            <p:cNvSpPr/>
            <p:nvPr/>
          </p:nvSpPr>
          <p:spPr>
            <a:xfrm>
              <a:off x="11595438" y="1765215"/>
              <a:ext cx="87502" cy="87502"/>
            </a:xfrm>
            <a:custGeom>
              <a:avLst/>
              <a:gdLst>
                <a:gd name="connsiteX0" fmla="*/ 50461 w 87502"/>
                <a:gd name="connsiteY0" fmla="*/ 87503 h 87502"/>
                <a:gd name="connsiteX1" fmla="*/ 50461 w 87502"/>
                <a:gd name="connsiteY1" fmla="*/ 50461 h 87502"/>
                <a:gd name="connsiteX2" fmla="*/ 87503 w 87502"/>
                <a:gd name="connsiteY2" fmla="*/ 50461 h 87502"/>
                <a:gd name="connsiteX3" fmla="*/ 87503 w 87502"/>
                <a:gd name="connsiteY3" fmla="*/ 36999 h 87502"/>
                <a:gd name="connsiteX4" fmla="*/ 50461 w 87502"/>
                <a:gd name="connsiteY4" fmla="*/ 36999 h 87502"/>
                <a:gd name="connsiteX5" fmla="*/ 50461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461"/>
                  </a:lnTo>
                  <a:lnTo>
                    <a:pt x="87503" y="50461"/>
                  </a:lnTo>
                  <a:lnTo>
                    <a:pt x="87503" y="36999"/>
                  </a:lnTo>
                  <a:lnTo>
                    <a:pt x="50461" y="36999"/>
                  </a:lnTo>
                  <a:lnTo>
                    <a:pt x="50461" y="0"/>
                  </a:lnTo>
                  <a:lnTo>
                    <a:pt x="36999" y="0"/>
                  </a:lnTo>
                  <a:lnTo>
                    <a:pt x="36999" y="36999"/>
                  </a:lnTo>
                  <a:lnTo>
                    <a:pt x="0" y="36999"/>
                  </a:lnTo>
                  <a:lnTo>
                    <a:pt x="0" y="50461"/>
                  </a:lnTo>
                  <a:lnTo>
                    <a:pt x="36999" y="50461"/>
                  </a:lnTo>
                  <a:lnTo>
                    <a:pt x="36999" y="87503"/>
                  </a:lnTo>
                  <a:lnTo>
                    <a:pt x="50461" y="87503"/>
                  </a:lnTo>
                  <a:close/>
                </a:path>
              </a:pathLst>
            </a:custGeom>
            <a:grpFill/>
            <a:ln w="0" cap="flat">
              <a:noFill/>
              <a:prstDash val="solid"/>
              <a:miter/>
            </a:ln>
          </p:spPr>
          <p:txBody>
            <a:bodyPr rtlCol="0" anchor="ctr"/>
            <a:lstStyle/>
            <a:p>
              <a:endParaRPr lang="en-US"/>
            </a:p>
          </p:txBody>
        </p:sp>
      </p:grpSp>
      <p:sp>
        <p:nvSpPr>
          <p:cNvPr id="6" name="Slide Number Placeholder 5">
            <a:extLst>
              <a:ext uri="{FF2B5EF4-FFF2-40B4-BE49-F238E27FC236}">
                <a16:creationId xmlns:a16="http://schemas.microsoft.com/office/drawing/2014/main" id="{70DA6776-2740-241C-2B98-87CB7655F9EC}"/>
              </a:ext>
            </a:extLst>
          </p:cNvPr>
          <p:cNvSpPr>
            <a:spLocks noGrp="1"/>
          </p:cNvSpPr>
          <p:nvPr>
            <p:ph type="sldNum" sz="quarter" idx="19"/>
          </p:nvPr>
        </p:nvSpPr>
        <p:spPr/>
        <p:txBody>
          <a:bodyPr/>
          <a:lstStyle/>
          <a:p>
            <a:fld id="{23AA811B-2EBD-4900-905E-5BE206449611}" type="slidenum">
              <a:rPr lang="en-US" smtClean="0"/>
              <a:pPr/>
              <a:t>5</a:t>
            </a:fld>
            <a:endParaRPr lang="en-US" dirty="0"/>
          </a:p>
        </p:txBody>
      </p:sp>
      <p:sp>
        <p:nvSpPr>
          <p:cNvPr id="7" name="Date Placeholder 6">
            <a:extLst>
              <a:ext uri="{FF2B5EF4-FFF2-40B4-BE49-F238E27FC236}">
                <a16:creationId xmlns:a16="http://schemas.microsoft.com/office/drawing/2014/main" id="{808B5436-E978-428B-503C-49075E5E8B39}"/>
              </a:ext>
            </a:extLst>
          </p:cNvPr>
          <p:cNvSpPr>
            <a:spLocks noGrp="1"/>
          </p:cNvSpPr>
          <p:nvPr>
            <p:ph type="dt" sz="half" idx="13"/>
          </p:nvPr>
        </p:nvSpPr>
        <p:spPr/>
        <p:txBody>
          <a:bodyPr/>
          <a:lstStyle/>
          <a:p>
            <a:fld id="{B118041E-2DAD-480C-AEE4-E661A097CFE4}" type="datetime1">
              <a:rPr lang="en-US" smtClean="0"/>
              <a:t>7/26/2024</a:t>
            </a:fld>
            <a:endParaRPr lang="en-US" dirty="0"/>
          </a:p>
        </p:txBody>
      </p:sp>
      <p:grpSp>
        <p:nvGrpSpPr>
          <p:cNvPr id="8" name="Group 7">
            <a:extLst>
              <a:ext uri="{FF2B5EF4-FFF2-40B4-BE49-F238E27FC236}">
                <a16:creationId xmlns:a16="http://schemas.microsoft.com/office/drawing/2014/main" id="{86210A00-F149-01E9-38E2-F6000C0F5975}"/>
              </a:ext>
            </a:extLst>
          </p:cNvPr>
          <p:cNvGrpSpPr/>
          <p:nvPr/>
        </p:nvGrpSpPr>
        <p:grpSpPr>
          <a:xfrm>
            <a:off x="6175917" y="825212"/>
            <a:ext cx="4697451" cy="4548187"/>
            <a:chOff x="2113015" y="2830100"/>
            <a:chExt cx="3619731" cy="3504712"/>
          </a:xfrm>
        </p:grpSpPr>
        <p:pic>
          <p:nvPicPr>
            <p:cNvPr id="10" name="Picture 9">
              <a:extLst>
                <a:ext uri="{FF2B5EF4-FFF2-40B4-BE49-F238E27FC236}">
                  <a16:creationId xmlns:a16="http://schemas.microsoft.com/office/drawing/2014/main" id="{6AE9271D-033C-2815-828A-F34435E6EBA2}"/>
                </a:ext>
              </a:extLst>
            </p:cNvPr>
            <p:cNvPicPr/>
            <p:nvPr/>
          </p:nvPicPr>
          <p:blipFill>
            <a:blip r:embed="rId3" cstate="screen">
              <a:extLst>
                <a:ext uri="{28A0092B-C50C-407E-A947-70E740481C1C}">
                  <a14:useLocalDpi xmlns:a14="http://schemas.microsoft.com/office/drawing/2010/main"/>
                </a:ext>
              </a:extLst>
            </a:blip>
            <a:stretch>
              <a:fillRect/>
            </a:stretch>
          </p:blipFill>
          <p:spPr>
            <a:xfrm>
              <a:off x="2113015" y="2830100"/>
              <a:ext cx="3619731" cy="2557854"/>
            </a:xfrm>
            <a:prstGeom prst="rect">
              <a:avLst/>
            </a:prstGeom>
          </p:spPr>
        </p:pic>
        <p:pic>
          <p:nvPicPr>
            <p:cNvPr id="12" name="Picture 11">
              <a:extLst>
                <a:ext uri="{FF2B5EF4-FFF2-40B4-BE49-F238E27FC236}">
                  <a16:creationId xmlns:a16="http://schemas.microsoft.com/office/drawing/2014/main" id="{7D06DB4C-6A5E-A3D9-5040-1A7BB1527FBA}"/>
                </a:ext>
              </a:extLst>
            </p:cNvPr>
            <p:cNvPicPr/>
            <p:nvPr/>
          </p:nvPicPr>
          <p:blipFill>
            <a:blip r:embed="rId4" cstate="screen">
              <a:extLst>
                <a:ext uri="{28A0092B-C50C-407E-A947-70E740481C1C}">
                  <a14:useLocalDpi xmlns:a14="http://schemas.microsoft.com/office/drawing/2010/main"/>
                </a:ext>
              </a:extLst>
            </a:blip>
            <a:stretch>
              <a:fillRect/>
            </a:stretch>
          </p:blipFill>
          <p:spPr>
            <a:xfrm>
              <a:off x="2113015" y="5465014"/>
              <a:ext cx="3619731" cy="869798"/>
            </a:xfrm>
            <a:prstGeom prst="rect">
              <a:avLst/>
            </a:prstGeom>
          </p:spPr>
        </p:pic>
      </p:grpSp>
      <p:sp>
        <p:nvSpPr>
          <p:cNvPr id="56" name="Rectangle: Single Corner Rounded 35">
            <a:extLst>
              <a:ext uri="{FF2B5EF4-FFF2-40B4-BE49-F238E27FC236}">
                <a16:creationId xmlns:a16="http://schemas.microsoft.com/office/drawing/2014/main" id="{E327E741-D85D-841E-E40A-B0A43D895F51}"/>
              </a:ext>
            </a:extLst>
          </p:cNvPr>
          <p:cNvSpPr/>
          <p:nvPr/>
        </p:nvSpPr>
        <p:spPr>
          <a:xfrm>
            <a:off x="1530388" y="0"/>
            <a:ext cx="3278306" cy="6858000"/>
          </a:xfrm>
          <a:prstGeom prst="round1Rect">
            <a:avLst>
              <a:gd name="adj" fmla="val 21969"/>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9" name="Title 28">
            <a:extLst>
              <a:ext uri="{FF2B5EF4-FFF2-40B4-BE49-F238E27FC236}">
                <a16:creationId xmlns:a16="http://schemas.microsoft.com/office/drawing/2014/main" id="{86E7C752-D4CC-0754-6E73-216D13D51344}"/>
              </a:ext>
            </a:extLst>
          </p:cNvPr>
          <p:cNvSpPr>
            <a:spLocks noGrp="1"/>
          </p:cNvSpPr>
          <p:nvPr>
            <p:ph type="title"/>
          </p:nvPr>
        </p:nvSpPr>
        <p:spPr>
          <a:xfrm>
            <a:off x="360000" y="533211"/>
            <a:ext cx="4697451" cy="737286"/>
          </a:xfrm>
        </p:spPr>
        <p:txBody>
          <a:bodyPr/>
          <a:lstStyle/>
          <a:p>
            <a:r>
              <a:rPr lang="en-US" dirty="0"/>
              <a:t>Schedule a P2P Request </a:t>
            </a:r>
            <a:r>
              <a:rPr lang="en-US" sz="1400" dirty="0"/>
              <a:t>(</a:t>
            </a:r>
            <a:r>
              <a:rPr lang="en-US" sz="1400" dirty="0" err="1"/>
              <a:t>con’t</a:t>
            </a:r>
            <a:r>
              <a:rPr lang="en-US" sz="1400" dirty="0"/>
              <a:t>.)</a:t>
            </a:r>
          </a:p>
        </p:txBody>
      </p:sp>
      <p:sp>
        <p:nvSpPr>
          <p:cNvPr id="53" name="Text Placeholder 52">
            <a:extLst>
              <a:ext uri="{FF2B5EF4-FFF2-40B4-BE49-F238E27FC236}">
                <a16:creationId xmlns:a16="http://schemas.microsoft.com/office/drawing/2014/main" id="{45A76E46-1F3B-B6C5-E6F5-DD3417EA95C0}"/>
              </a:ext>
            </a:extLst>
          </p:cNvPr>
          <p:cNvSpPr>
            <a:spLocks noGrp="1"/>
          </p:cNvSpPr>
          <p:nvPr>
            <p:ph type="body" sz="quarter" idx="17"/>
          </p:nvPr>
        </p:nvSpPr>
        <p:spPr/>
        <p:txBody>
          <a:bodyPr/>
          <a:lstStyle/>
          <a:p>
            <a:r>
              <a:rPr lang="en-US" dirty="0"/>
              <a:t>Provider Resources</a:t>
            </a:r>
          </a:p>
          <a:p>
            <a:endParaRPr lang="en-US" dirty="0"/>
          </a:p>
        </p:txBody>
      </p:sp>
      <p:sp>
        <p:nvSpPr>
          <p:cNvPr id="30" name="Content Placeholder 29">
            <a:extLst>
              <a:ext uri="{FF2B5EF4-FFF2-40B4-BE49-F238E27FC236}">
                <a16:creationId xmlns:a16="http://schemas.microsoft.com/office/drawing/2014/main" id="{BDEDC7F6-76E6-6201-D50D-BD1E0F012D27}"/>
              </a:ext>
            </a:extLst>
          </p:cNvPr>
          <p:cNvSpPr>
            <a:spLocks noGrp="1"/>
          </p:cNvSpPr>
          <p:nvPr>
            <p:ph idx="1"/>
          </p:nvPr>
        </p:nvSpPr>
        <p:spPr>
          <a:xfrm>
            <a:off x="360000" y="1534902"/>
            <a:ext cx="4123865" cy="4042800"/>
          </a:xfrm>
        </p:spPr>
        <p:txBody>
          <a:bodyPr/>
          <a:lstStyle/>
          <a:p>
            <a:pPr marL="182880" indent="-182880">
              <a:buClr>
                <a:schemeClr val="accent3"/>
              </a:buClr>
              <a:buFont typeface="+mj-lt"/>
              <a:buAutoNum type="arabicPeriod"/>
            </a:pPr>
            <a:r>
              <a:rPr lang="en-US" sz="1600" dirty="0"/>
              <a:t>Update the following fields to ensure the correct person is contacted for the Peer-to-Peer appointment:</a:t>
            </a:r>
          </a:p>
          <a:p>
            <a:pPr marL="457200" lvl="2" indent="-182880">
              <a:buClr>
                <a:schemeClr val="accent3"/>
              </a:buClr>
              <a:buFont typeface="System Font Regular"/>
              <a:buChar char="+"/>
            </a:pPr>
            <a:r>
              <a:rPr lang="en-US" sz="1600" dirty="0"/>
              <a:t>Name of Provider Requesting P2P </a:t>
            </a:r>
          </a:p>
          <a:p>
            <a:pPr marL="457200" lvl="2" indent="-182880">
              <a:buClr>
                <a:schemeClr val="accent3"/>
              </a:buClr>
              <a:buFont typeface="System Font Regular"/>
              <a:buChar char="+"/>
            </a:pPr>
            <a:r>
              <a:rPr lang="en-US" sz="1600" dirty="0"/>
              <a:t>Phone Number for P2P</a:t>
            </a:r>
          </a:p>
          <a:p>
            <a:pPr marL="457200" lvl="2" indent="-182880">
              <a:buClr>
                <a:schemeClr val="accent3"/>
              </a:buClr>
              <a:buFont typeface="System Font Regular"/>
              <a:buChar char="+"/>
            </a:pPr>
            <a:r>
              <a:rPr lang="en-US" sz="1600" dirty="0"/>
              <a:t>Contact Instructions</a:t>
            </a:r>
          </a:p>
          <a:p>
            <a:pPr marL="182880" indent="-182880">
              <a:buClr>
                <a:schemeClr val="accent3"/>
              </a:buClr>
              <a:buFont typeface="+mj-lt"/>
              <a:buAutoNum type="arabicPeriod"/>
            </a:pPr>
            <a:r>
              <a:rPr lang="en-US" sz="1600" dirty="0"/>
              <a:t>Click </a:t>
            </a:r>
            <a:r>
              <a:rPr lang="en-US" sz="1600" b="1" dirty="0"/>
              <a:t>Submit</a:t>
            </a:r>
            <a:r>
              <a:rPr lang="en-US" sz="1600" dirty="0"/>
              <a:t> to schedule the appointment</a:t>
            </a:r>
          </a:p>
          <a:p>
            <a:pPr marL="182880" indent="-182880">
              <a:buClr>
                <a:schemeClr val="accent3"/>
              </a:buClr>
              <a:buFont typeface="+mj-lt"/>
              <a:buAutoNum type="arabicPeriod"/>
            </a:pPr>
            <a:r>
              <a:rPr lang="en-US" sz="1600" dirty="0"/>
              <a:t>You will be presented with a summary page containing the details of your scheduled appointment</a:t>
            </a:r>
          </a:p>
          <a:p>
            <a:pPr marL="182880" indent="-182880">
              <a:buClr>
                <a:schemeClr val="accent3"/>
              </a:buClr>
              <a:buFont typeface="+mj-lt"/>
              <a:buAutoNum type="arabicPeriod"/>
            </a:pPr>
            <a:r>
              <a:rPr lang="en-US" sz="1600" dirty="0"/>
              <a:t>Confirm contact details</a:t>
            </a:r>
          </a:p>
        </p:txBody>
      </p:sp>
      <p:sp>
        <p:nvSpPr>
          <p:cNvPr id="5" name="Slide Number Placeholder 9">
            <a:extLst>
              <a:ext uri="{FF2B5EF4-FFF2-40B4-BE49-F238E27FC236}">
                <a16:creationId xmlns:a16="http://schemas.microsoft.com/office/drawing/2014/main" id="{0C562D05-4647-FDDA-D0DC-68E99C5F7421}"/>
              </a:ext>
            </a:extLst>
          </p:cNvPr>
          <p:cNvSpPr txBox="1">
            <a:spLocks/>
          </p:cNvSpPr>
          <p:nvPr/>
        </p:nvSpPr>
        <p:spPr>
          <a:xfrm>
            <a:off x="11561374" y="6364800"/>
            <a:ext cx="266400" cy="180000"/>
          </a:xfrm>
          <a:prstGeom prst="rect">
            <a:avLst/>
          </a:prstGeom>
        </p:spPr>
        <p:txBody>
          <a:bodyPr vert="horz" lIns="0" tIns="0" rIns="0" bIns="0" rtlCol="0" anchor="b" anchorCtr="0"/>
          <a:lstStyle>
            <a:defPPr>
              <a:defRPr lang="en-US"/>
            </a:defPPr>
            <a:lvl1pPr algn="r" defTabSz="457200" rtl="0" eaLnBrk="0" fontAlgn="base" hangingPunct="0">
              <a:lnSpc>
                <a:spcPct val="90000"/>
              </a:lnSpc>
              <a:spcBef>
                <a:spcPct val="0"/>
              </a:spcBef>
              <a:spcAft>
                <a:spcPct val="0"/>
              </a:spcAft>
              <a:defRPr sz="800" kern="1200" spc="80" baseline="0">
                <a:solidFill>
                  <a:srgbClr val="035C67"/>
                </a:solidFill>
                <a:latin typeface="+mn-lt"/>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23AA811B-2EBD-4900-905E-5BE206449611}" type="slidenum">
              <a:rPr lang="en-US" smtClean="0">
                <a:solidFill>
                  <a:schemeClr val="bg2"/>
                </a:solidFill>
              </a:rPr>
              <a:pPr/>
              <a:t>5</a:t>
            </a:fld>
            <a:endParaRPr lang="en-US" dirty="0">
              <a:solidFill>
                <a:schemeClr val="bg2"/>
              </a:solidFill>
            </a:endParaRPr>
          </a:p>
        </p:txBody>
      </p:sp>
      <p:sp>
        <p:nvSpPr>
          <p:cNvPr id="32" name="Date Placeholder 6">
            <a:extLst>
              <a:ext uri="{FF2B5EF4-FFF2-40B4-BE49-F238E27FC236}">
                <a16:creationId xmlns:a16="http://schemas.microsoft.com/office/drawing/2014/main" id="{3695723E-1CDD-D736-E40E-962E9655CEFE}"/>
              </a:ext>
            </a:extLst>
          </p:cNvPr>
          <p:cNvSpPr txBox="1">
            <a:spLocks/>
          </p:cNvSpPr>
          <p:nvPr/>
        </p:nvSpPr>
        <p:spPr>
          <a:xfrm>
            <a:off x="10630800" y="6364800"/>
            <a:ext cx="691200" cy="180000"/>
          </a:xfrm>
          <a:prstGeom prst="rect">
            <a:avLst/>
          </a:prstGeom>
        </p:spPr>
        <p:txBody>
          <a:bodyPr vert="horz" lIns="0" tIns="0" rIns="0" bIns="0" rtlCol="0" anchor="b" anchorCtr="0"/>
          <a:lstStyle>
            <a:defPPr>
              <a:defRPr lang="en-US"/>
            </a:defPPr>
            <a:lvl1pPr algn="r" defTabSz="457200" rtl="0" eaLnBrk="0" fontAlgn="base" hangingPunct="0">
              <a:spcBef>
                <a:spcPct val="0"/>
              </a:spcBef>
              <a:spcAft>
                <a:spcPct val="0"/>
              </a:spcAft>
              <a:defRPr sz="800" kern="1200">
                <a:solidFill>
                  <a:srgbClr val="035C67"/>
                </a:solidFill>
                <a:latin typeface="Arial" panose="020B0604020202020204" pitchFamily="34" charset="0"/>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5DC5082E-2538-4C43-B98E-BD181BFDFAF9}" type="datetime1">
              <a:rPr lang="en-US" smtClean="0">
                <a:solidFill>
                  <a:schemeClr val="bg2"/>
                </a:solidFill>
              </a:rPr>
              <a:pPr/>
              <a:t>7/26/2024</a:t>
            </a:fld>
            <a:endParaRPr lang="en-US" dirty="0">
              <a:solidFill>
                <a:schemeClr val="bg2"/>
              </a:solidFill>
            </a:endParaRPr>
          </a:p>
        </p:txBody>
      </p:sp>
      <p:sp>
        <p:nvSpPr>
          <p:cNvPr id="37" name="Legal dynamic" descr="{&quot;templafy&quot;:{&quot;id&quot;:&quot;aa68e427-5bc3-493e-b5cc-087f9adfba53&quot;}}" title="Form.Cigna_Confidentiality.EvernorthConfidentiality">
            <a:extLst>
              <a:ext uri="{FF2B5EF4-FFF2-40B4-BE49-F238E27FC236}">
                <a16:creationId xmlns:a16="http://schemas.microsoft.com/office/drawing/2014/main" id="{06968F0A-2CF8-2E24-5B24-6B3C88906990}"/>
              </a:ext>
            </a:extLst>
          </p:cNvPr>
          <p:cNvSpPr/>
          <p:nvPr/>
        </p:nvSpPr>
        <p:spPr>
          <a:xfrm>
            <a:off x="6075680" y="62136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8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Tree>
    <p:extLst>
      <p:ext uri="{BB962C8B-B14F-4D97-AF65-F5344CB8AC3E}">
        <p14:creationId xmlns:p14="http://schemas.microsoft.com/office/powerpoint/2010/main" val="235985473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54ECFF64-0851-458A-4240-516E3E26751E}"/>
              </a:ext>
            </a:extLst>
          </p:cNvPr>
          <p:cNvSpPr/>
          <p:nvPr/>
        </p:nvSpPr>
        <p:spPr>
          <a:xfrm>
            <a:off x="3507129" y="0"/>
            <a:ext cx="8684871"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11" name="Group 10">
            <a:extLst>
              <a:ext uri="{FF2B5EF4-FFF2-40B4-BE49-F238E27FC236}">
                <a16:creationId xmlns:a16="http://schemas.microsoft.com/office/drawing/2014/main" id="{5F57BC76-4912-862F-DCB5-6AF69A84CB10}"/>
              </a:ext>
            </a:extLst>
          </p:cNvPr>
          <p:cNvGrpSpPr/>
          <p:nvPr/>
        </p:nvGrpSpPr>
        <p:grpSpPr>
          <a:xfrm>
            <a:off x="5191144" y="360622"/>
            <a:ext cx="6646544" cy="1399497"/>
            <a:chOff x="5036396" y="453220"/>
            <a:chExt cx="6646544" cy="1399497"/>
          </a:xfrm>
          <a:solidFill>
            <a:schemeClr val="accent2"/>
          </a:solidFill>
        </p:grpSpPr>
        <p:sp>
          <p:nvSpPr>
            <p:cNvPr id="13" name="Freeform: Shape 24">
              <a:extLst>
                <a:ext uri="{FF2B5EF4-FFF2-40B4-BE49-F238E27FC236}">
                  <a16:creationId xmlns:a16="http://schemas.microsoft.com/office/drawing/2014/main" id="{634F27D7-5931-4015-A1AD-CCB850F8501A}"/>
                </a:ext>
              </a:extLst>
            </p:cNvPr>
            <p:cNvSpPr/>
            <p:nvPr/>
          </p:nvSpPr>
          <p:spPr>
            <a:xfrm>
              <a:off x="8971745"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6999" y="0"/>
                  </a:lnTo>
                  <a:lnTo>
                    <a:pt x="36999" y="36999"/>
                  </a:lnTo>
                  <a:lnTo>
                    <a:pt x="0" y="36999"/>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4" name="Freeform: Shape 26">
              <a:extLst>
                <a:ext uri="{FF2B5EF4-FFF2-40B4-BE49-F238E27FC236}">
                  <a16:creationId xmlns:a16="http://schemas.microsoft.com/office/drawing/2014/main" id="{92697C7B-16E2-447C-E4BA-03D812BACD63}"/>
                </a:ext>
              </a:extLst>
            </p:cNvPr>
            <p:cNvSpPr/>
            <p:nvPr/>
          </p:nvSpPr>
          <p:spPr>
            <a:xfrm>
              <a:off x="8971745"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6999" y="0"/>
                  </a:lnTo>
                  <a:lnTo>
                    <a:pt x="36999" y="37042"/>
                  </a:lnTo>
                  <a:lnTo>
                    <a:pt x="0" y="37042"/>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5" name="Freeform: Shape 27">
              <a:extLst>
                <a:ext uri="{FF2B5EF4-FFF2-40B4-BE49-F238E27FC236}">
                  <a16:creationId xmlns:a16="http://schemas.microsoft.com/office/drawing/2014/main" id="{C73E4BD7-735B-607C-5B63-28B7FB4A51CF}"/>
                </a:ext>
              </a:extLst>
            </p:cNvPr>
            <p:cNvSpPr/>
            <p:nvPr/>
          </p:nvSpPr>
          <p:spPr>
            <a:xfrm>
              <a:off x="8971745"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6999" y="0"/>
                  </a:lnTo>
                  <a:lnTo>
                    <a:pt x="36999" y="36999"/>
                  </a:lnTo>
                  <a:lnTo>
                    <a:pt x="0" y="36999"/>
                  </a:lnTo>
                  <a:lnTo>
                    <a:pt x="0" y="50461"/>
                  </a:lnTo>
                  <a:lnTo>
                    <a:pt x="36999" y="50461"/>
                  </a:lnTo>
                  <a:lnTo>
                    <a:pt x="36999" y="87503"/>
                  </a:lnTo>
                  <a:lnTo>
                    <a:pt x="50503" y="87503"/>
                  </a:lnTo>
                  <a:close/>
                </a:path>
              </a:pathLst>
            </a:custGeom>
            <a:grpFill/>
            <a:ln w="0" cap="flat">
              <a:noFill/>
              <a:prstDash val="solid"/>
              <a:miter/>
            </a:ln>
          </p:spPr>
          <p:txBody>
            <a:bodyPr rtlCol="0" anchor="ctr"/>
            <a:lstStyle/>
            <a:p>
              <a:endParaRPr lang="en-US"/>
            </a:p>
          </p:txBody>
        </p:sp>
        <p:sp>
          <p:nvSpPr>
            <p:cNvPr id="16" name="Freeform: Shape 28">
              <a:extLst>
                <a:ext uri="{FF2B5EF4-FFF2-40B4-BE49-F238E27FC236}">
                  <a16:creationId xmlns:a16="http://schemas.microsoft.com/office/drawing/2014/main" id="{028CF75B-619A-433F-271D-00D712F2045E}"/>
                </a:ext>
              </a:extLst>
            </p:cNvPr>
            <p:cNvSpPr/>
            <p:nvPr/>
          </p:nvSpPr>
          <p:spPr>
            <a:xfrm>
              <a:off x="8315832" y="453220"/>
              <a:ext cx="87545" cy="87503"/>
            </a:xfrm>
            <a:custGeom>
              <a:avLst/>
              <a:gdLst>
                <a:gd name="connsiteX0" fmla="*/ 50504 w 87545"/>
                <a:gd name="connsiteY0" fmla="*/ 87503 h 87503"/>
                <a:gd name="connsiteX1" fmla="*/ 50504 w 87545"/>
                <a:gd name="connsiteY1" fmla="*/ 50504 h 87503"/>
                <a:gd name="connsiteX2" fmla="*/ 87546 w 87545"/>
                <a:gd name="connsiteY2" fmla="*/ 50504 h 87503"/>
                <a:gd name="connsiteX3" fmla="*/ 87546 w 87545"/>
                <a:gd name="connsiteY3" fmla="*/ 36999 h 87503"/>
                <a:gd name="connsiteX4" fmla="*/ 50504 w 87545"/>
                <a:gd name="connsiteY4" fmla="*/ 36999 h 87503"/>
                <a:gd name="connsiteX5" fmla="*/ 50504 w 87545"/>
                <a:gd name="connsiteY5" fmla="*/ 0 h 87503"/>
                <a:gd name="connsiteX6" fmla="*/ 37042 w 87545"/>
                <a:gd name="connsiteY6" fmla="*/ 0 h 87503"/>
                <a:gd name="connsiteX7" fmla="*/ 37042 w 87545"/>
                <a:gd name="connsiteY7" fmla="*/ 36999 h 87503"/>
                <a:gd name="connsiteX8" fmla="*/ 0 w 87545"/>
                <a:gd name="connsiteY8" fmla="*/ 36999 h 87503"/>
                <a:gd name="connsiteX9" fmla="*/ 0 w 87545"/>
                <a:gd name="connsiteY9" fmla="*/ 50504 h 87503"/>
                <a:gd name="connsiteX10" fmla="*/ 37042 w 87545"/>
                <a:gd name="connsiteY10" fmla="*/ 50504 h 87503"/>
                <a:gd name="connsiteX11" fmla="*/ 37042 w 87545"/>
                <a:gd name="connsiteY11" fmla="*/ 87503 h 87503"/>
                <a:gd name="connsiteX12" fmla="*/ 50504 w 87545"/>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7" name="Freeform: Shape 29">
              <a:extLst>
                <a:ext uri="{FF2B5EF4-FFF2-40B4-BE49-F238E27FC236}">
                  <a16:creationId xmlns:a16="http://schemas.microsoft.com/office/drawing/2014/main" id="{674D87F4-E46F-E033-BDBE-26A245CA9932}"/>
                </a:ext>
              </a:extLst>
            </p:cNvPr>
            <p:cNvSpPr/>
            <p:nvPr/>
          </p:nvSpPr>
          <p:spPr>
            <a:xfrm>
              <a:off x="8315832" y="1108879"/>
              <a:ext cx="87545" cy="87502"/>
            </a:xfrm>
            <a:custGeom>
              <a:avLst/>
              <a:gdLst>
                <a:gd name="connsiteX0" fmla="*/ 50504 w 87545"/>
                <a:gd name="connsiteY0" fmla="*/ 87503 h 87502"/>
                <a:gd name="connsiteX1" fmla="*/ 50504 w 87545"/>
                <a:gd name="connsiteY1" fmla="*/ 50504 h 87502"/>
                <a:gd name="connsiteX2" fmla="*/ 87546 w 87545"/>
                <a:gd name="connsiteY2" fmla="*/ 50504 h 87502"/>
                <a:gd name="connsiteX3" fmla="*/ 87546 w 87545"/>
                <a:gd name="connsiteY3" fmla="*/ 37042 h 87502"/>
                <a:gd name="connsiteX4" fmla="*/ 50504 w 87545"/>
                <a:gd name="connsiteY4" fmla="*/ 37042 h 87502"/>
                <a:gd name="connsiteX5" fmla="*/ 50504 w 87545"/>
                <a:gd name="connsiteY5" fmla="*/ 0 h 87502"/>
                <a:gd name="connsiteX6" fmla="*/ 37042 w 87545"/>
                <a:gd name="connsiteY6" fmla="*/ 0 h 87502"/>
                <a:gd name="connsiteX7" fmla="*/ 37042 w 87545"/>
                <a:gd name="connsiteY7" fmla="*/ 37042 h 87502"/>
                <a:gd name="connsiteX8" fmla="*/ 0 w 87545"/>
                <a:gd name="connsiteY8" fmla="*/ 37042 h 87502"/>
                <a:gd name="connsiteX9" fmla="*/ 0 w 87545"/>
                <a:gd name="connsiteY9" fmla="*/ 50504 h 87502"/>
                <a:gd name="connsiteX10" fmla="*/ 37042 w 87545"/>
                <a:gd name="connsiteY10" fmla="*/ 50504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8" name="Freeform: Shape 30">
              <a:extLst>
                <a:ext uri="{FF2B5EF4-FFF2-40B4-BE49-F238E27FC236}">
                  <a16:creationId xmlns:a16="http://schemas.microsoft.com/office/drawing/2014/main" id="{F9F5BEF6-A425-C5DA-FF7F-9A3896DADB88}"/>
                </a:ext>
              </a:extLst>
            </p:cNvPr>
            <p:cNvSpPr/>
            <p:nvPr/>
          </p:nvSpPr>
          <p:spPr>
            <a:xfrm>
              <a:off x="8315832" y="1765215"/>
              <a:ext cx="87545" cy="87502"/>
            </a:xfrm>
            <a:custGeom>
              <a:avLst/>
              <a:gdLst>
                <a:gd name="connsiteX0" fmla="*/ 50504 w 87545"/>
                <a:gd name="connsiteY0" fmla="*/ 87503 h 87502"/>
                <a:gd name="connsiteX1" fmla="*/ 50504 w 87545"/>
                <a:gd name="connsiteY1" fmla="*/ 50461 h 87502"/>
                <a:gd name="connsiteX2" fmla="*/ 87546 w 87545"/>
                <a:gd name="connsiteY2" fmla="*/ 50461 h 87502"/>
                <a:gd name="connsiteX3" fmla="*/ 87546 w 87545"/>
                <a:gd name="connsiteY3" fmla="*/ 36999 h 87502"/>
                <a:gd name="connsiteX4" fmla="*/ 50504 w 87545"/>
                <a:gd name="connsiteY4" fmla="*/ 36999 h 87502"/>
                <a:gd name="connsiteX5" fmla="*/ 50504 w 87545"/>
                <a:gd name="connsiteY5" fmla="*/ 0 h 87502"/>
                <a:gd name="connsiteX6" fmla="*/ 37042 w 87545"/>
                <a:gd name="connsiteY6" fmla="*/ 0 h 87502"/>
                <a:gd name="connsiteX7" fmla="*/ 37042 w 87545"/>
                <a:gd name="connsiteY7" fmla="*/ 36999 h 87502"/>
                <a:gd name="connsiteX8" fmla="*/ 0 w 87545"/>
                <a:gd name="connsiteY8" fmla="*/ 36999 h 87502"/>
                <a:gd name="connsiteX9" fmla="*/ 0 w 87545"/>
                <a:gd name="connsiteY9" fmla="*/ 50461 h 87502"/>
                <a:gd name="connsiteX10" fmla="*/ 37042 w 87545"/>
                <a:gd name="connsiteY10" fmla="*/ 50461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19" name="Freeform: Shape 31">
              <a:extLst>
                <a:ext uri="{FF2B5EF4-FFF2-40B4-BE49-F238E27FC236}">
                  <a16:creationId xmlns:a16="http://schemas.microsoft.com/office/drawing/2014/main" id="{3E3C6D14-766D-8FAF-2E35-7AA51DD98243}"/>
                </a:ext>
              </a:extLst>
            </p:cNvPr>
            <p:cNvSpPr/>
            <p:nvPr/>
          </p:nvSpPr>
          <p:spPr>
            <a:xfrm>
              <a:off x="7659962"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0" name="Freeform: Shape 32">
              <a:extLst>
                <a:ext uri="{FF2B5EF4-FFF2-40B4-BE49-F238E27FC236}">
                  <a16:creationId xmlns:a16="http://schemas.microsoft.com/office/drawing/2014/main" id="{5F3F56C7-188A-6BA7-5457-EB334E330935}"/>
                </a:ext>
              </a:extLst>
            </p:cNvPr>
            <p:cNvSpPr/>
            <p:nvPr/>
          </p:nvSpPr>
          <p:spPr>
            <a:xfrm>
              <a:off x="7659962"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1" name="Freeform: Shape 33">
              <a:extLst>
                <a:ext uri="{FF2B5EF4-FFF2-40B4-BE49-F238E27FC236}">
                  <a16:creationId xmlns:a16="http://schemas.microsoft.com/office/drawing/2014/main" id="{4911F5CE-D101-5093-971B-D1BD03D4A80B}"/>
                </a:ext>
              </a:extLst>
            </p:cNvPr>
            <p:cNvSpPr/>
            <p:nvPr/>
          </p:nvSpPr>
          <p:spPr>
            <a:xfrm>
              <a:off x="7659962"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2" name="Freeform: Shape 37">
              <a:extLst>
                <a:ext uri="{FF2B5EF4-FFF2-40B4-BE49-F238E27FC236}">
                  <a16:creationId xmlns:a16="http://schemas.microsoft.com/office/drawing/2014/main" id="{2529CFE6-F1F8-3A57-7313-7BDCC4DB5E8F}"/>
                </a:ext>
              </a:extLst>
            </p:cNvPr>
            <p:cNvSpPr/>
            <p:nvPr/>
          </p:nvSpPr>
          <p:spPr>
            <a:xfrm>
              <a:off x="7004049"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3" name="Freeform: Shape 38">
              <a:extLst>
                <a:ext uri="{FF2B5EF4-FFF2-40B4-BE49-F238E27FC236}">
                  <a16:creationId xmlns:a16="http://schemas.microsoft.com/office/drawing/2014/main" id="{85F62267-23FE-F38E-4556-FD00DE3B49B6}"/>
                </a:ext>
              </a:extLst>
            </p:cNvPr>
            <p:cNvSpPr/>
            <p:nvPr/>
          </p:nvSpPr>
          <p:spPr>
            <a:xfrm>
              <a:off x="7004049"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4" name="Freeform: Shape 39">
              <a:extLst>
                <a:ext uri="{FF2B5EF4-FFF2-40B4-BE49-F238E27FC236}">
                  <a16:creationId xmlns:a16="http://schemas.microsoft.com/office/drawing/2014/main" id="{00D13425-9724-D05F-29F0-7D65BBFECB93}"/>
                </a:ext>
              </a:extLst>
            </p:cNvPr>
            <p:cNvSpPr/>
            <p:nvPr/>
          </p:nvSpPr>
          <p:spPr>
            <a:xfrm>
              <a:off x="7004049"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25" name="Freeform: Shape 40">
              <a:extLst>
                <a:ext uri="{FF2B5EF4-FFF2-40B4-BE49-F238E27FC236}">
                  <a16:creationId xmlns:a16="http://schemas.microsoft.com/office/drawing/2014/main" id="{B92A81D8-4384-237E-2A35-EBDDE41D2B38}"/>
                </a:ext>
              </a:extLst>
            </p:cNvPr>
            <p:cNvSpPr/>
            <p:nvPr/>
          </p:nvSpPr>
          <p:spPr>
            <a:xfrm>
              <a:off x="6348179"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6" name="Freeform: Shape 41">
              <a:extLst>
                <a:ext uri="{FF2B5EF4-FFF2-40B4-BE49-F238E27FC236}">
                  <a16:creationId xmlns:a16="http://schemas.microsoft.com/office/drawing/2014/main" id="{A72D98C7-3DE6-D47C-2CEE-51D461860561}"/>
                </a:ext>
              </a:extLst>
            </p:cNvPr>
            <p:cNvSpPr/>
            <p:nvPr/>
          </p:nvSpPr>
          <p:spPr>
            <a:xfrm>
              <a:off x="6348179"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7" name="Freeform: Shape 42">
              <a:extLst>
                <a:ext uri="{FF2B5EF4-FFF2-40B4-BE49-F238E27FC236}">
                  <a16:creationId xmlns:a16="http://schemas.microsoft.com/office/drawing/2014/main" id="{1AF5F2EC-CE09-4B2D-8F5F-A5B5D16430E6}"/>
                </a:ext>
              </a:extLst>
            </p:cNvPr>
            <p:cNvSpPr/>
            <p:nvPr/>
          </p:nvSpPr>
          <p:spPr>
            <a:xfrm>
              <a:off x="6348179"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8" name="Freeform: Shape 43">
              <a:extLst>
                <a:ext uri="{FF2B5EF4-FFF2-40B4-BE49-F238E27FC236}">
                  <a16:creationId xmlns:a16="http://schemas.microsoft.com/office/drawing/2014/main" id="{06C3AAB4-4A13-E98E-4986-FBE9AAF6818E}"/>
                </a:ext>
              </a:extLst>
            </p:cNvPr>
            <p:cNvSpPr/>
            <p:nvPr/>
          </p:nvSpPr>
          <p:spPr>
            <a:xfrm>
              <a:off x="5692267"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1" name="Freeform: Shape 44">
              <a:extLst>
                <a:ext uri="{FF2B5EF4-FFF2-40B4-BE49-F238E27FC236}">
                  <a16:creationId xmlns:a16="http://schemas.microsoft.com/office/drawing/2014/main" id="{5DC41893-6C3C-3F7F-140A-B07DA2FEF97D}"/>
                </a:ext>
              </a:extLst>
            </p:cNvPr>
            <p:cNvSpPr/>
            <p:nvPr/>
          </p:nvSpPr>
          <p:spPr>
            <a:xfrm>
              <a:off x="5692267"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3" name="Freeform: Shape 45">
              <a:extLst>
                <a:ext uri="{FF2B5EF4-FFF2-40B4-BE49-F238E27FC236}">
                  <a16:creationId xmlns:a16="http://schemas.microsoft.com/office/drawing/2014/main" id="{A3CFA0EE-FBC0-FAD6-A0B1-96E9FB7E79A1}"/>
                </a:ext>
              </a:extLst>
            </p:cNvPr>
            <p:cNvSpPr/>
            <p:nvPr/>
          </p:nvSpPr>
          <p:spPr>
            <a:xfrm>
              <a:off x="5692267"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34" name="Freeform: Shape 46">
              <a:extLst>
                <a:ext uri="{FF2B5EF4-FFF2-40B4-BE49-F238E27FC236}">
                  <a16:creationId xmlns:a16="http://schemas.microsoft.com/office/drawing/2014/main" id="{76040B53-699D-9B78-2839-B48390143CDA}"/>
                </a:ext>
              </a:extLst>
            </p:cNvPr>
            <p:cNvSpPr/>
            <p:nvPr/>
          </p:nvSpPr>
          <p:spPr>
            <a:xfrm>
              <a:off x="5036396"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5" name="Freeform: Shape 47">
              <a:extLst>
                <a:ext uri="{FF2B5EF4-FFF2-40B4-BE49-F238E27FC236}">
                  <a16:creationId xmlns:a16="http://schemas.microsoft.com/office/drawing/2014/main" id="{D1114955-4C44-6F0F-09FC-E949BB7EC2BB}"/>
                </a:ext>
              </a:extLst>
            </p:cNvPr>
            <p:cNvSpPr/>
            <p:nvPr/>
          </p:nvSpPr>
          <p:spPr>
            <a:xfrm>
              <a:off x="5036396"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6" name="Freeform: Shape 48">
              <a:extLst>
                <a:ext uri="{FF2B5EF4-FFF2-40B4-BE49-F238E27FC236}">
                  <a16:creationId xmlns:a16="http://schemas.microsoft.com/office/drawing/2014/main" id="{4D12ADEA-6A94-06CC-6535-19AB5CC26FD6}"/>
                </a:ext>
              </a:extLst>
            </p:cNvPr>
            <p:cNvSpPr/>
            <p:nvPr/>
          </p:nvSpPr>
          <p:spPr>
            <a:xfrm>
              <a:off x="5036396"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38" name="Freeform: Shape 73">
              <a:extLst>
                <a:ext uri="{FF2B5EF4-FFF2-40B4-BE49-F238E27FC236}">
                  <a16:creationId xmlns:a16="http://schemas.microsoft.com/office/drawing/2014/main" id="{5745204F-E7DE-47BA-B63B-FD6B933777CD}"/>
                </a:ext>
              </a:extLst>
            </p:cNvPr>
            <p:cNvSpPr/>
            <p:nvPr/>
          </p:nvSpPr>
          <p:spPr>
            <a:xfrm>
              <a:off x="9627658"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7042 w 87502"/>
                <a:gd name="connsiteY6" fmla="*/ 0 h 87503"/>
                <a:gd name="connsiteX7" fmla="*/ 37042 w 87502"/>
                <a:gd name="connsiteY7" fmla="*/ 36999 h 87503"/>
                <a:gd name="connsiteX8" fmla="*/ 0 w 87502"/>
                <a:gd name="connsiteY8" fmla="*/ 36999 h 87503"/>
                <a:gd name="connsiteX9" fmla="*/ 0 w 87502"/>
                <a:gd name="connsiteY9" fmla="*/ 50504 h 87503"/>
                <a:gd name="connsiteX10" fmla="*/ 37042 w 87502"/>
                <a:gd name="connsiteY10" fmla="*/ 50504 h 87503"/>
                <a:gd name="connsiteX11" fmla="*/ 37042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7042" y="0"/>
                  </a:lnTo>
                  <a:lnTo>
                    <a:pt x="37042" y="36999"/>
                  </a:lnTo>
                  <a:lnTo>
                    <a:pt x="0" y="36999"/>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39" name="Freeform: Shape 74">
              <a:extLst>
                <a:ext uri="{FF2B5EF4-FFF2-40B4-BE49-F238E27FC236}">
                  <a16:creationId xmlns:a16="http://schemas.microsoft.com/office/drawing/2014/main" id="{B252B531-9239-92CA-7645-5FCA00DDD1C8}"/>
                </a:ext>
              </a:extLst>
            </p:cNvPr>
            <p:cNvSpPr/>
            <p:nvPr/>
          </p:nvSpPr>
          <p:spPr>
            <a:xfrm>
              <a:off x="9627658"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7042 w 87502"/>
                <a:gd name="connsiteY6" fmla="*/ 0 h 87502"/>
                <a:gd name="connsiteX7" fmla="*/ 37042 w 87502"/>
                <a:gd name="connsiteY7" fmla="*/ 37042 h 87502"/>
                <a:gd name="connsiteX8" fmla="*/ 0 w 87502"/>
                <a:gd name="connsiteY8" fmla="*/ 37042 h 87502"/>
                <a:gd name="connsiteX9" fmla="*/ 0 w 87502"/>
                <a:gd name="connsiteY9" fmla="*/ 50504 h 87502"/>
                <a:gd name="connsiteX10" fmla="*/ 37042 w 87502"/>
                <a:gd name="connsiteY10" fmla="*/ 50504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7042" y="0"/>
                  </a:lnTo>
                  <a:lnTo>
                    <a:pt x="37042" y="37042"/>
                  </a:lnTo>
                  <a:lnTo>
                    <a:pt x="0" y="37042"/>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40" name="Freeform: Shape 75">
              <a:extLst>
                <a:ext uri="{FF2B5EF4-FFF2-40B4-BE49-F238E27FC236}">
                  <a16:creationId xmlns:a16="http://schemas.microsoft.com/office/drawing/2014/main" id="{2BAD8948-458C-5977-A8DD-BD7AD189E9ED}"/>
                </a:ext>
              </a:extLst>
            </p:cNvPr>
            <p:cNvSpPr/>
            <p:nvPr/>
          </p:nvSpPr>
          <p:spPr>
            <a:xfrm>
              <a:off x="9627658"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7042 w 87502"/>
                <a:gd name="connsiteY6" fmla="*/ 0 h 87502"/>
                <a:gd name="connsiteX7" fmla="*/ 37042 w 87502"/>
                <a:gd name="connsiteY7" fmla="*/ 36999 h 87502"/>
                <a:gd name="connsiteX8" fmla="*/ 0 w 87502"/>
                <a:gd name="connsiteY8" fmla="*/ 36999 h 87502"/>
                <a:gd name="connsiteX9" fmla="*/ 0 w 87502"/>
                <a:gd name="connsiteY9" fmla="*/ 50461 h 87502"/>
                <a:gd name="connsiteX10" fmla="*/ 37042 w 87502"/>
                <a:gd name="connsiteY10" fmla="*/ 50461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7042" y="0"/>
                  </a:lnTo>
                  <a:lnTo>
                    <a:pt x="37042" y="36999"/>
                  </a:lnTo>
                  <a:lnTo>
                    <a:pt x="0" y="36999"/>
                  </a:lnTo>
                  <a:lnTo>
                    <a:pt x="0" y="50461"/>
                  </a:lnTo>
                  <a:lnTo>
                    <a:pt x="37042" y="50461"/>
                  </a:lnTo>
                  <a:lnTo>
                    <a:pt x="37042" y="87503"/>
                  </a:lnTo>
                  <a:lnTo>
                    <a:pt x="50503" y="87503"/>
                  </a:lnTo>
                  <a:close/>
                </a:path>
              </a:pathLst>
            </a:custGeom>
            <a:grpFill/>
            <a:ln w="0" cap="flat">
              <a:noFill/>
              <a:prstDash val="solid"/>
              <a:miter/>
            </a:ln>
          </p:spPr>
          <p:txBody>
            <a:bodyPr rtlCol="0" anchor="ctr"/>
            <a:lstStyle/>
            <a:p>
              <a:endParaRPr lang="en-US"/>
            </a:p>
          </p:txBody>
        </p:sp>
        <p:sp>
          <p:nvSpPr>
            <p:cNvPr id="41" name="Freeform: Shape 76">
              <a:extLst>
                <a:ext uri="{FF2B5EF4-FFF2-40B4-BE49-F238E27FC236}">
                  <a16:creationId xmlns:a16="http://schemas.microsoft.com/office/drawing/2014/main" id="{222FAAE2-0427-28D6-B5C6-21EEBA9ACBB6}"/>
                </a:ext>
              </a:extLst>
            </p:cNvPr>
            <p:cNvSpPr/>
            <p:nvPr/>
          </p:nvSpPr>
          <p:spPr>
            <a:xfrm>
              <a:off x="10283570" y="453220"/>
              <a:ext cx="87546" cy="87503"/>
            </a:xfrm>
            <a:custGeom>
              <a:avLst/>
              <a:gdLst>
                <a:gd name="connsiteX0" fmla="*/ 50504 w 87546"/>
                <a:gd name="connsiteY0" fmla="*/ 87503 h 87503"/>
                <a:gd name="connsiteX1" fmla="*/ 50504 w 87546"/>
                <a:gd name="connsiteY1" fmla="*/ 50504 h 87503"/>
                <a:gd name="connsiteX2" fmla="*/ 87546 w 87546"/>
                <a:gd name="connsiteY2" fmla="*/ 50504 h 87503"/>
                <a:gd name="connsiteX3" fmla="*/ 87546 w 87546"/>
                <a:gd name="connsiteY3" fmla="*/ 36999 h 87503"/>
                <a:gd name="connsiteX4" fmla="*/ 50504 w 87546"/>
                <a:gd name="connsiteY4" fmla="*/ 36999 h 87503"/>
                <a:gd name="connsiteX5" fmla="*/ 50504 w 87546"/>
                <a:gd name="connsiteY5" fmla="*/ 0 h 87503"/>
                <a:gd name="connsiteX6" fmla="*/ 37042 w 87546"/>
                <a:gd name="connsiteY6" fmla="*/ 0 h 87503"/>
                <a:gd name="connsiteX7" fmla="*/ 37042 w 87546"/>
                <a:gd name="connsiteY7" fmla="*/ 36999 h 87503"/>
                <a:gd name="connsiteX8" fmla="*/ 0 w 87546"/>
                <a:gd name="connsiteY8" fmla="*/ 36999 h 87503"/>
                <a:gd name="connsiteX9" fmla="*/ 0 w 87546"/>
                <a:gd name="connsiteY9" fmla="*/ 50504 h 87503"/>
                <a:gd name="connsiteX10" fmla="*/ 37042 w 87546"/>
                <a:gd name="connsiteY10" fmla="*/ 50504 h 87503"/>
                <a:gd name="connsiteX11" fmla="*/ 37042 w 87546"/>
                <a:gd name="connsiteY11" fmla="*/ 87503 h 87503"/>
                <a:gd name="connsiteX12" fmla="*/ 50504 w 87546"/>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dirty="0"/>
            </a:p>
          </p:txBody>
        </p:sp>
        <p:sp>
          <p:nvSpPr>
            <p:cNvPr id="42" name="Freeform: Shape 77">
              <a:extLst>
                <a:ext uri="{FF2B5EF4-FFF2-40B4-BE49-F238E27FC236}">
                  <a16:creationId xmlns:a16="http://schemas.microsoft.com/office/drawing/2014/main" id="{483D388D-4FFA-8A16-5F86-F425AFE79098}"/>
                </a:ext>
              </a:extLst>
            </p:cNvPr>
            <p:cNvSpPr/>
            <p:nvPr/>
          </p:nvSpPr>
          <p:spPr>
            <a:xfrm>
              <a:off x="10283570" y="1108879"/>
              <a:ext cx="87546" cy="87502"/>
            </a:xfrm>
            <a:custGeom>
              <a:avLst/>
              <a:gdLst>
                <a:gd name="connsiteX0" fmla="*/ 50504 w 87546"/>
                <a:gd name="connsiteY0" fmla="*/ 87503 h 87502"/>
                <a:gd name="connsiteX1" fmla="*/ 50504 w 87546"/>
                <a:gd name="connsiteY1" fmla="*/ 50504 h 87502"/>
                <a:gd name="connsiteX2" fmla="*/ 87546 w 87546"/>
                <a:gd name="connsiteY2" fmla="*/ 50504 h 87502"/>
                <a:gd name="connsiteX3" fmla="*/ 87546 w 87546"/>
                <a:gd name="connsiteY3" fmla="*/ 37042 h 87502"/>
                <a:gd name="connsiteX4" fmla="*/ 50504 w 87546"/>
                <a:gd name="connsiteY4" fmla="*/ 37042 h 87502"/>
                <a:gd name="connsiteX5" fmla="*/ 50504 w 87546"/>
                <a:gd name="connsiteY5" fmla="*/ 0 h 87502"/>
                <a:gd name="connsiteX6" fmla="*/ 37042 w 87546"/>
                <a:gd name="connsiteY6" fmla="*/ 0 h 87502"/>
                <a:gd name="connsiteX7" fmla="*/ 37042 w 87546"/>
                <a:gd name="connsiteY7" fmla="*/ 37042 h 87502"/>
                <a:gd name="connsiteX8" fmla="*/ 0 w 87546"/>
                <a:gd name="connsiteY8" fmla="*/ 37042 h 87502"/>
                <a:gd name="connsiteX9" fmla="*/ 0 w 87546"/>
                <a:gd name="connsiteY9" fmla="*/ 50504 h 87502"/>
                <a:gd name="connsiteX10" fmla="*/ 37042 w 87546"/>
                <a:gd name="connsiteY10" fmla="*/ 50504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43" name="Freeform: Shape 78">
              <a:extLst>
                <a:ext uri="{FF2B5EF4-FFF2-40B4-BE49-F238E27FC236}">
                  <a16:creationId xmlns:a16="http://schemas.microsoft.com/office/drawing/2014/main" id="{99DAB3A4-1947-3FC3-52D1-30073C23C599}"/>
                </a:ext>
              </a:extLst>
            </p:cNvPr>
            <p:cNvSpPr/>
            <p:nvPr/>
          </p:nvSpPr>
          <p:spPr>
            <a:xfrm>
              <a:off x="10283570" y="1765215"/>
              <a:ext cx="87546" cy="87502"/>
            </a:xfrm>
            <a:custGeom>
              <a:avLst/>
              <a:gdLst>
                <a:gd name="connsiteX0" fmla="*/ 50504 w 87546"/>
                <a:gd name="connsiteY0" fmla="*/ 87503 h 87502"/>
                <a:gd name="connsiteX1" fmla="*/ 50504 w 87546"/>
                <a:gd name="connsiteY1" fmla="*/ 50461 h 87502"/>
                <a:gd name="connsiteX2" fmla="*/ 87546 w 87546"/>
                <a:gd name="connsiteY2" fmla="*/ 50461 h 87502"/>
                <a:gd name="connsiteX3" fmla="*/ 87546 w 87546"/>
                <a:gd name="connsiteY3" fmla="*/ 36999 h 87502"/>
                <a:gd name="connsiteX4" fmla="*/ 50504 w 87546"/>
                <a:gd name="connsiteY4" fmla="*/ 36999 h 87502"/>
                <a:gd name="connsiteX5" fmla="*/ 50504 w 87546"/>
                <a:gd name="connsiteY5" fmla="*/ 0 h 87502"/>
                <a:gd name="connsiteX6" fmla="*/ 37042 w 87546"/>
                <a:gd name="connsiteY6" fmla="*/ 0 h 87502"/>
                <a:gd name="connsiteX7" fmla="*/ 37042 w 87546"/>
                <a:gd name="connsiteY7" fmla="*/ 36999 h 87502"/>
                <a:gd name="connsiteX8" fmla="*/ 0 w 87546"/>
                <a:gd name="connsiteY8" fmla="*/ 36999 h 87502"/>
                <a:gd name="connsiteX9" fmla="*/ 0 w 87546"/>
                <a:gd name="connsiteY9" fmla="*/ 50461 h 87502"/>
                <a:gd name="connsiteX10" fmla="*/ 37042 w 87546"/>
                <a:gd name="connsiteY10" fmla="*/ 50461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44" name="Freeform: Shape 79">
              <a:extLst>
                <a:ext uri="{FF2B5EF4-FFF2-40B4-BE49-F238E27FC236}">
                  <a16:creationId xmlns:a16="http://schemas.microsoft.com/office/drawing/2014/main" id="{562677DC-09C0-7380-1949-28136F0A50A0}"/>
                </a:ext>
              </a:extLst>
            </p:cNvPr>
            <p:cNvSpPr/>
            <p:nvPr/>
          </p:nvSpPr>
          <p:spPr>
            <a:xfrm>
              <a:off x="10939525" y="453220"/>
              <a:ext cx="87503" cy="87503"/>
            </a:xfrm>
            <a:custGeom>
              <a:avLst/>
              <a:gdLst>
                <a:gd name="connsiteX0" fmla="*/ 50462 w 87503"/>
                <a:gd name="connsiteY0" fmla="*/ 87503 h 87503"/>
                <a:gd name="connsiteX1" fmla="*/ 50462 w 87503"/>
                <a:gd name="connsiteY1" fmla="*/ 50504 h 87503"/>
                <a:gd name="connsiteX2" fmla="*/ 87504 w 87503"/>
                <a:gd name="connsiteY2" fmla="*/ 50504 h 87503"/>
                <a:gd name="connsiteX3" fmla="*/ 87504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4" y="50504"/>
                  </a:lnTo>
                  <a:lnTo>
                    <a:pt x="87504"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5" name="Freeform: Shape 80">
              <a:extLst>
                <a:ext uri="{FF2B5EF4-FFF2-40B4-BE49-F238E27FC236}">
                  <a16:creationId xmlns:a16="http://schemas.microsoft.com/office/drawing/2014/main" id="{288192EE-3AE7-C0A7-B028-2BBF7793CC04}"/>
                </a:ext>
              </a:extLst>
            </p:cNvPr>
            <p:cNvSpPr/>
            <p:nvPr/>
          </p:nvSpPr>
          <p:spPr>
            <a:xfrm>
              <a:off x="10939525" y="1108879"/>
              <a:ext cx="87503" cy="87502"/>
            </a:xfrm>
            <a:custGeom>
              <a:avLst/>
              <a:gdLst>
                <a:gd name="connsiteX0" fmla="*/ 50462 w 87503"/>
                <a:gd name="connsiteY0" fmla="*/ 87503 h 87502"/>
                <a:gd name="connsiteX1" fmla="*/ 50462 w 87503"/>
                <a:gd name="connsiteY1" fmla="*/ 50504 h 87502"/>
                <a:gd name="connsiteX2" fmla="*/ 87504 w 87503"/>
                <a:gd name="connsiteY2" fmla="*/ 50504 h 87502"/>
                <a:gd name="connsiteX3" fmla="*/ 87504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4" y="50504"/>
                  </a:lnTo>
                  <a:lnTo>
                    <a:pt x="87504"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6" name="Freeform: Shape 81">
              <a:extLst>
                <a:ext uri="{FF2B5EF4-FFF2-40B4-BE49-F238E27FC236}">
                  <a16:creationId xmlns:a16="http://schemas.microsoft.com/office/drawing/2014/main" id="{129B0887-3CFC-EA92-BA6F-1771512B8A35}"/>
                </a:ext>
              </a:extLst>
            </p:cNvPr>
            <p:cNvSpPr/>
            <p:nvPr/>
          </p:nvSpPr>
          <p:spPr>
            <a:xfrm>
              <a:off x="10939525" y="1765215"/>
              <a:ext cx="87503" cy="87502"/>
            </a:xfrm>
            <a:custGeom>
              <a:avLst/>
              <a:gdLst>
                <a:gd name="connsiteX0" fmla="*/ 50462 w 87503"/>
                <a:gd name="connsiteY0" fmla="*/ 87503 h 87502"/>
                <a:gd name="connsiteX1" fmla="*/ 50462 w 87503"/>
                <a:gd name="connsiteY1" fmla="*/ 50461 h 87502"/>
                <a:gd name="connsiteX2" fmla="*/ 87504 w 87503"/>
                <a:gd name="connsiteY2" fmla="*/ 50461 h 87502"/>
                <a:gd name="connsiteX3" fmla="*/ 87504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4" y="50461"/>
                  </a:lnTo>
                  <a:lnTo>
                    <a:pt x="87504"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47" name="Freeform: Shape 82">
              <a:extLst>
                <a:ext uri="{FF2B5EF4-FFF2-40B4-BE49-F238E27FC236}">
                  <a16:creationId xmlns:a16="http://schemas.microsoft.com/office/drawing/2014/main" id="{A8E6D43B-2DDA-CFA4-BF8B-85F86850C71A}"/>
                </a:ext>
              </a:extLst>
            </p:cNvPr>
            <p:cNvSpPr/>
            <p:nvPr/>
          </p:nvSpPr>
          <p:spPr>
            <a:xfrm>
              <a:off x="11595438" y="453220"/>
              <a:ext cx="87502" cy="87503"/>
            </a:xfrm>
            <a:custGeom>
              <a:avLst/>
              <a:gdLst>
                <a:gd name="connsiteX0" fmla="*/ 50461 w 87502"/>
                <a:gd name="connsiteY0" fmla="*/ 87503 h 87503"/>
                <a:gd name="connsiteX1" fmla="*/ 50461 w 87502"/>
                <a:gd name="connsiteY1" fmla="*/ 50504 h 87503"/>
                <a:gd name="connsiteX2" fmla="*/ 87503 w 87502"/>
                <a:gd name="connsiteY2" fmla="*/ 50504 h 87503"/>
                <a:gd name="connsiteX3" fmla="*/ 87503 w 87502"/>
                <a:gd name="connsiteY3" fmla="*/ 36999 h 87503"/>
                <a:gd name="connsiteX4" fmla="*/ 50461 w 87502"/>
                <a:gd name="connsiteY4" fmla="*/ 36999 h 87503"/>
                <a:gd name="connsiteX5" fmla="*/ 50461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461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461" y="87503"/>
                  </a:moveTo>
                  <a:lnTo>
                    <a:pt x="50461" y="50504"/>
                  </a:lnTo>
                  <a:lnTo>
                    <a:pt x="87503" y="50504"/>
                  </a:lnTo>
                  <a:lnTo>
                    <a:pt x="87503" y="36999"/>
                  </a:lnTo>
                  <a:lnTo>
                    <a:pt x="50461" y="36999"/>
                  </a:lnTo>
                  <a:lnTo>
                    <a:pt x="50461" y="0"/>
                  </a:lnTo>
                  <a:lnTo>
                    <a:pt x="36999" y="0"/>
                  </a:lnTo>
                  <a:lnTo>
                    <a:pt x="36999" y="36999"/>
                  </a:lnTo>
                  <a:lnTo>
                    <a:pt x="0" y="36999"/>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8" name="Freeform: Shape 83">
              <a:extLst>
                <a:ext uri="{FF2B5EF4-FFF2-40B4-BE49-F238E27FC236}">
                  <a16:creationId xmlns:a16="http://schemas.microsoft.com/office/drawing/2014/main" id="{25B3F3F7-4615-93FF-AE23-F55F0DC82411}"/>
                </a:ext>
              </a:extLst>
            </p:cNvPr>
            <p:cNvSpPr/>
            <p:nvPr/>
          </p:nvSpPr>
          <p:spPr>
            <a:xfrm>
              <a:off x="11595438" y="1108879"/>
              <a:ext cx="87502" cy="87502"/>
            </a:xfrm>
            <a:custGeom>
              <a:avLst/>
              <a:gdLst>
                <a:gd name="connsiteX0" fmla="*/ 50461 w 87502"/>
                <a:gd name="connsiteY0" fmla="*/ 87503 h 87502"/>
                <a:gd name="connsiteX1" fmla="*/ 50461 w 87502"/>
                <a:gd name="connsiteY1" fmla="*/ 50504 h 87502"/>
                <a:gd name="connsiteX2" fmla="*/ 87503 w 87502"/>
                <a:gd name="connsiteY2" fmla="*/ 50504 h 87502"/>
                <a:gd name="connsiteX3" fmla="*/ 87503 w 87502"/>
                <a:gd name="connsiteY3" fmla="*/ 37042 h 87502"/>
                <a:gd name="connsiteX4" fmla="*/ 50461 w 87502"/>
                <a:gd name="connsiteY4" fmla="*/ 37042 h 87502"/>
                <a:gd name="connsiteX5" fmla="*/ 50461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504"/>
                  </a:lnTo>
                  <a:lnTo>
                    <a:pt x="87503" y="50504"/>
                  </a:lnTo>
                  <a:lnTo>
                    <a:pt x="87503" y="37042"/>
                  </a:lnTo>
                  <a:lnTo>
                    <a:pt x="50461" y="37042"/>
                  </a:lnTo>
                  <a:lnTo>
                    <a:pt x="50461" y="0"/>
                  </a:lnTo>
                  <a:lnTo>
                    <a:pt x="36999" y="0"/>
                  </a:lnTo>
                  <a:lnTo>
                    <a:pt x="36999" y="37042"/>
                  </a:lnTo>
                  <a:lnTo>
                    <a:pt x="0" y="37042"/>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9" name="Freeform: Shape 84">
              <a:extLst>
                <a:ext uri="{FF2B5EF4-FFF2-40B4-BE49-F238E27FC236}">
                  <a16:creationId xmlns:a16="http://schemas.microsoft.com/office/drawing/2014/main" id="{5D27012A-C802-63A7-4F84-C8EEB1C3403C}"/>
                </a:ext>
              </a:extLst>
            </p:cNvPr>
            <p:cNvSpPr/>
            <p:nvPr/>
          </p:nvSpPr>
          <p:spPr>
            <a:xfrm>
              <a:off x="11595438" y="1765215"/>
              <a:ext cx="87502" cy="87502"/>
            </a:xfrm>
            <a:custGeom>
              <a:avLst/>
              <a:gdLst>
                <a:gd name="connsiteX0" fmla="*/ 50461 w 87502"/>
                <a:gd name="connsiteY0" fmla="*/ 87503 h 87502"/>
                <a:gd name="connsiteX1" fmla="*/ 50461 w 87502"/>
                <a:gd name="connsiteY1" fmla="*/ 50461 h 87502"/>
                <a:gd name="connsiteX2" fmla="*/ 87503 w 87502"/>
                <a:gd name="connsiteY2" fmla="*/ 50461 h 87502"/>
                <a:gd name="connsiteX3" fmla="*/ 87503 w 87502"/>
                <a:gd name="connsiteY3" fmla="*/ 36999 h 87502"/>
                <a:gd name="connsiteX4" fmla="*/ 50461 w 87502"/>
                <a:gd name="connsiteY4" fmla="*/ 36999 h 87502"/>
                <a:gd name="connsiteX5" fmla="*/ 50461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461"/>
                  </a:lnTo>
                  <a:lnTo>
                    <a:pt x="87503" y="50461"/>
                  </a:lnTo>
                  <a:lnTo>
                    <a:pt x="87503" y="36999"/>
                  </a:lnTo>
                  <a:lnTo>
                    <a:pt x="50461" y="36999"/>
                  </a:lnTo>
                  <a:lnTo>
                    <a:pt x="50461" y="0"/>
                  </a:lnTo>
                  <a:lnTo>
                    <a:pt x="36999" y="0"/>
                  </a:lnTo>
                  <a:lnTo>
                    <a:pt x="36999" y="36999"/>
                  </a:lnTo>
                  <a:lnTo>
                    <a:pt x="0" y="36999"/>
                  </a:lnTo>
                  <a:lnTo>
                    <a:pt x="0" y="50461"/>
                  </a:lnTo>
                  <a:lnTo>
                    <a:pt x="36999" y="50461"/>
                  </a:lnTo>
                  <a:lnTo>
                    <a:pt x="36999" y="87503"/>
                  </a:lnTo>
                  <a:lnTo>
                    <a:pt x="50461" y="87503"/>
                  </a:lnTo>
                  <a:close/>
                </a:path>
              </a:pathLst>
            </a:custGeom>
            <a:grpFill/>
            <a:ln w="0" cap="flat">
              <a:noFill/>
              <a:prstDash val="solid"/>
              <a:miter/>
            </a:ln>
          </p:spPr>
          <p:txBody>
            <a:bodyPr rtlCol="0" anchor="ctr"/>
            <a:lstStyle/>
            <a:p>
              <a:endParaRPr lang="en-US"/>
            </a:p>
          </p:txBody>
        </p:sp>
      </p:grpSp>
      <p:sp>
        <p:nvSpPr>
          <p:cNvPr id="6" name="Slide Number Placeholder 5">
            <a:extLst>
              <a:ext uri="{FF2B5EF4-FFF2-40B4-BE49-F238E27FC236}">
                <a16:creationId xmlns:a16="http://schemas.microsoft.com/office/drawing/2014/main" id="{70DA6776-2740-241C-2B98-87CB7655F9EC}"/>
              </a:ext>
            </a:extLst>
          </p:cNvPr>
          <p:cNvSpPr>
            <a:spLocks noGrp="1"/>
          </p:cNvSpPr>
          <p:nvPr>
            <p:ph type="sldNum" sz="quarter" idx="19"/>
          </p:nvPr>
        </p:nvSpPr>
        <p:spPr/>
        <p:txBody>
          <a:bodyPr/>
          <a:lstStyle/>
          <a:p>
            <a:fld id="{23AA811B-2EBD-4900-905E-5BE206449611}" type="slidenum">
              <a:rPr lang="en-US" smtClean="0"/>
              <a:pPr/>
              <a:t>6</a:t>
            </a:fld>
            <a:endParaRPr lang="en-US" dirty="0"/>
          </a:p>
        </p:txBody>
      </p:sp>
      <p:sp>
        <p:nvSpPr>
          <p:cNvPr id="7" name="Date Placeholder 6">
            <a:extLst>
              <a:ext uri="{FF2B5EF4-FFF2-40B4-BE49-F238E27FC236}">
                <a16:creationId xmlns:a16="http://schemas.microsoft.com/office/drawing/2014/main" id="{808B5436-E978-428B-503C-49075E5E8B39}"/>
              </a:ext>
            </a:extLst>
          </p:cNvPr>
          <p:cNvSpPr>
            <a:spLocks noGrp="1"/>
          </p:cNvSpPr>
          <p:nvPr>
            <p:ph type="dt" sz="half" idx="13"/>
          </p:nvPr>
        </p:nvSpPr>
        <p:spPr/>
        <p:txBody>
          <a:bodyPr/>
          <a:lstStyle/>
          <a:p>
            <a:fld id="{B118041E-2DAD-480C-AEE4-E661A097CFE4}" type="datetime1">
              <a:rPr lang="en-US" smtClean="0"/>
              <a:t>7/26/2024</a:t>
            </a:fld>
            <a:endParaRPr lang="en-US" dirty="0"/>
          </a:p>
        </p:txBody>
      </p:sp>
      <p:sp>
        <p:nvSpPr>
          <p:cNvPr id="56" name="Rectangle: Single Corner Rounded 35">
            <a:extLst>
              <a:ext uri="{FF2B5EF4-FFF2-40B4-BE49-F238E27FC236}">
                <a16:creationId xmlns:a16="http://schemas.microsoft.com/office/drawing/2014/main" id="{E327E741-D85D-841E-E40A-B0A43D895F51}"/>
              </a:ext>
            </a:extLst>
          </p:cNvPr>
          <p:cNvSpPr/>
          <p:nvPr/>
        </p:nvSpPr>
        <p:spPr>
          <a:xfrm>
            <a:off x="1530388" y="0"/>
            <a:ext cx="3278306" cy="6858000"/>
          </a:xfrm>
          <a:prstGeom prst="round1Rect">
            <a:avLst>
              <a:gd name="adj" fmla="val 21969"/>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9" name="Title 28">
            <a:extLst>
              <a:ext uri="{FF2B5EF4-FFF2-40B4-BE49-F238E27FC236}">
                <a16:creationId xmlns:a16="http://schemas.microsoft.com/office/drawing/2014/main" id="{86E7C752-D4CC-0754-6E73-216D13D51344}"/>
              </a:ext>
            </a:extLst>
          </p:cNvPr>
          <p:cNvSpPr>
            <a:spLocks noGrp="1"/>
          </p:cNvSpPr>
          <p:nvPr>
            <p:ph type="title"/>
          </p:nvPr>
        </p:nvSpPr>
        <p:spPr>
          <a:xfrm>
            <a:off x="360000" y="533211"/>
            <a:ext cx="4697451" cy="737286"/>
          </a:xfrm>
        </p:spPr>
        <p:txBody>
          <a:bodyPr/>
          <a:lstStyle/>
          <a:p>
            <a:r>
              <a:rPr lang="en-US" dirty="0" smtClean="0"/>
              <a:t>P2P Contact Details</a:t>
            </a:r>
            <a:endParaRPr lang="en-US" sz="1400" dirty="0"/>
          </a:p>
        </p:txBody>
      </p:sp>
      <p:sp>
        <p:nvSpPr>
          <p:cNvPr id="53" name="Text Placeholder 52">
            <a:extLst>
              <a:ext uri="{FF2B5EF4-FFF2-40B4-BE49-F238E27FC236}">
                <a16:creationId xmlns:a16="http://schemas.microsoft.com/office/drawing/2014/main" id="{45A76E46-1F3B-B6C5-E6F5-DD3417EA95C0}"/>
              </a:ext>
            </a:extLst>
          </p:cNvPr>
          <p:cNvSpPr>
            <a:spLocks noGrp="1"/>
          </p:cNvSpPr>
          <p:nvPr>
            <p:ph type="body" sz="quarter" idx="17"/>
          </p:nvPr>
        </p:nvSpPr>
        <p:spPr/>
        <p:txBody>
          <a:bodyPr/>
          <a:lstStyle/>
          <a:p>
            <a:r>
              <a:rPr lang="en-US" dirty="0"/>
              <a:t>Provider Resources</a:t>
            </a:r>
          </a:p>
          <a:p>
            <a:endParaRPr lang="en-US" dirty="0"/>
          </a:p>
        </p:txBody>
      </p:sp>
      <p:sp>
        <p:nvSpPr>
          <p:cNvPr id="30" name="Content Placeholder 29">
            <a:extLst>
              <a:ext uri="{FF2B5EF4-FFF2-40B4-BE49-F238E27FC236}">
                <a16:creationId xmlns:a16="http://schemas.microsoft.com/office/drawing/2014/main" id="{BDEDC7F6-76E6-6201-D50D-BD1E0F012D27}"/>
              </a:ext>
            </a:extLst>
          </p:cNvPr>
          <p:cNvSpPr>
            <a:spLocks noGrp="1"/>
          </p:cNvSpPr>
          <p:nvPr>
            <p:ph idx="1"/>
          </p:nvPr>
        </p:nvSpPr>
        <p:spPr>
          <a:xfrm>
            <a:off x="360000" y="1534902"/>
            <a:ext cx="4123865" cy="4042800"/>
          </a:xfrm>
        </p:spPr>
        <p:txBody>
          <a:bodyPr/>
          <a:lstStyle/>
          <a:p>
            <a:pPr marL="182880" indent="-182880">
              <a:buClr>
                <a:schemeClr val="accent3"/>
              </a:buClr>
              <a:buFont typeface="+mj-lt"/>
              <a:buAutoNum type="arabicPeriod"/>
            </a:pPr>
            <a:r>
              <a:rPr lang="en-US" sz="1600" dirty="0" smtClean="0"/>
              <a:t>Use the radial button option to select who will perform the P2P with the EviCore Medical Director</a:t>
            </a:r>
          </a:p>
          <a:p>
            <a:pPr marL="182880" indent="-182880">
              <a:buClr>
                <a:schemeClr val="accent3"/>
              </a:buClr>
              <a:buFont typeface="+mj-lt"/>
              <a:buAutoNum type="arabicPeriod"/>
            </a:pPr>
            <a:r>
              <a:rPr lang="en-US" sz="1600" dirty="0" smtClean="0"/>
              <a:t>Open fields will manually open to input the provider’s First, Last Name and their credential</a:t>
            </a:r>
            <a:endParaRPr lang="en-US" sz="1600" dirty="0"/>
          </a:p>
        </p:txBody>
      </p:sp>
      <p:sp>
        <p:nvSpPr>
          <p:cNvPr id="5" name="Slide Number Placeholder 9">
            <a:extLst>
              <a:ext uri="{FF2B5EF4-FFF2-40B4-BE49-F238E27FC236}">
                <a16:creationId xmlns:a16="http://schemas.microsoft.com/office/drawing/2014/main" id="{0C562D05-4647-FDDA-D0DC-68E99C5F7421}"/>
              </a:ext>
            </a:extLst>
          </p:cNvPr>
          <p:cNvSpPr txBox="1">
            <a:spLocks/>
          </p:cNvSpPr>
          <p:nvPr/>
        </p:nvSpPr>
        <p:spPr>
          <a:xfrm>
            <a:off x="11561374" y="6364800"/>
            <a:ext cx="266400" cy="180000"/>
          </a:xfrm>
          <a:prstGeom prst="rect">
            <a:avLst/>
          </a:prstGeom>
        </p:spPr>
        <p:txBody>
          <a:bodyPr vert="horz" lIns="0" tIns="0" rIns="0" bIns="0" rtlCol="0" anchor="b" anchorCtr="0"/>
          <a:lstStyle>
            <a:defPPr>
              <a:defRPr lang="en-US"/>
            </a:defPPr>
            <a:lvl1pPr algn="r" defTabSz="457200" rtl="0" eaLnBrk="0" fontAlgn="base" hangingPunct="0">
              <a:lnSpc>
                <a:spcPct val="90000"/>
              </a:lnSpc>
              <a:spcBef>
                <a:spcPct val="0"/>
              </a:spcBef>
              <a:spcAft>
                <a:spcPct val="0"/>
              </a:spcAft>
              <a:defRPr sz="800" kern="1200" spc="80" baseline="0">
                <a:solidFill>
                  <a:srgbClr val="035C67"/>
                </a:solidFill>
                <a:latin typeface="+mn-lt"/>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23AA811B-2EBD-4900-905E-5BE206449611}" type="slidenum">
              <a:rPr lang="en-US" smtClean="0">
                <a:solidFill>
                  <a:schemeClr val="bg2"/>
                </a:solidFill>
              </a:rPr>
              <a:pPr/>
              <a:t>6</a:t>
            </a:fld>
            <a:endParaRPr lang="en-US" dirty="0">
              <a:solidFill>
                <a:schemeClr val="bg2"/>
              </a:solidFill>
            </a:endParaRPr>
          </a:p>
        </p:txBody>
      </p:sp>
      <p:sp>
        <p:nvSpPr>
          <p:cNvPr id="32" name="Date Placeholder 6">
            <a:extLst>
              <a:ext uri="{FF2B5EF4-FFF2-40B4-BE49-F238E27FC236}">
                <a16:creationId xmlns:a16="http://schemas.microsoft.com/office/drawing/2014/main" id="{3695723E-1CDD-D736-E40E-962E9655CEFE}"/>
              </a:ext>
            </a:extLst>
          </p:cNvPr>
          <p:cNvSpPr txBox="1">
            <a:spLocks/>
          </p:cNvSpPr>
          <p:nvPr/>
        </p:nvSpPr>
        <p:spPr>
          <a:xfrm>
            <a:off x="10630800" y="6364800"/>
            <a:ext cx="691200" cy="180000"/>
          </a:xfrm>
          <a:prstGeom prst="rect">
            <a:avLst/>
          </a:prstGeom>
        </p:spPr>
        <p:txBody>
          <a:bodyPr vert="horz" lIns="0" tIns="0" rIns="0" bIns="0" rtlCol="0" anchor="b" anchorCtr="0"/>
          <a:lstStyle>
            <a:defPPr>
              <a:defRPr lang="en-US"/>
            </a:defPPr>
            <a:lvl1pPr algn="r" defTabSz="457200" rtl="0" eaLnBrk="0" fontAlgn="base" hangingPunct="0">
              <a:spcBef>
                <a:spcPct val="0"/>
              </a:spcBef>
              <a:spcAft>
                <a:spcPct val="0"/>
              </a:spcAft>
              <a:defRPr sz="800" kern="1200">
                <a:solidFill>
                  <a:srgbClr val="035C67"/>
                </a:solidFill>
                <a:latin typeface="Arial" panose="020B0604020202020204" pitchFamily="34" charset="0"/>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5DC5082E-2538-4C43-B98E-BD181BFDFAF9}" type="datetime1">
              <a:rPr lang="en-US" smtClean="0">
                <a:solidFill>
                  <a:schemeClr val="bg2"/>
                </a:solidFill>
              </a:rPr>
              <a:pPr/>
              <a:t>7/26/2024</a:t>
            </a:fld>
            <a:endParaRPr lang="en-US" dirty="0">
              <a:solidFill>
                <a:schemeClr val="bg2"/>
              </a:solidFill>
            </a:endParaRPr>
          </a:p>
        </p:txBody>
      </p:sp>
      <p:sp>
        <p:nvSpPr>
          <p:cNvPr id="37" name="Legal dynamic" descr="{&quot;templafy&quot;:{&quot;id&quot;:&quot;aa68e427-5bc3-493e-b5cc-087f9adfba53&quot;}}" title="Form.Cigna_Confidentiality.EvernorthConfidentiality">
            <a:extLst>
              <a:ext uri="{FF2B5EF4-FFF2-40B4-BE49-F238E27FC236}">
                <a16:creationId xmlns:a16="http://schemas.microsoft.com/office/drawing/2014/main" id="{06968F0A-2CF8-2E24-5B24-6B3C88906990}"/>
              </a:ext>
            </a:extLst>
          </p:cNvPr>
          <p:cNvSpPr/>
          <p:nvPr/>
        </p:nvSpPr>
        <p:spPr>
          <a:xfrm>
            <a:off x="6075680" y="62136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8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pic>
        <p:nvPicPr>
          <p:cNvPr id="2050" name="Picture 2" descr="image005"/>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445046" y="931210"/>
            <a:ext cx="4972050"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49561467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54ECFF64-0851-458A-4240-516E3E26751E}"/>
              </a:ext>
            </a:extLst>
          </p:cNvPr>
          <p:cNvSpPr/>
          <p:nvPr/>
        </p:nvSpPr>
        <p:spPr>
          <a:xfrm>
            <a:off x="3502366" y="-4763"/>
            <a:ext cx="8684871"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11" name="Group 10">
            <a:extLst>
              <a:ext uri="{FF2B5EF4-FFF2-40B4-BE49-F238E27FC236}">
                <a16:creationId xmlns:a16="http://schemas.microsoft.com/office/drawing/2014/main" id="{5F57BC76-4912-862F-DCB5-6AF69A84CB10}"/>
              </a:ext>
            </a:extLst>
          </p:cNvPr>
          <p:cNvGrpSpPr/>
          <p:nvPr/>
        </p:nvGrpSpPr>
        <p:grpSpPr>
          <a:xfrm>
            <a:off x="5191144" y="360622"/>
            <a:ext cx="6646544" cy="1399497"/>
            <a:chOff x="5036396" y="453220"/>
            <a:chExt cx="6646544" cy="1399497"/>
          </a:xfrm>
          <a:solidFill>
            <a:schemeClr val="accent2"/>
          </a:solidFill>
        </p:grpSpPr>
        <p:sp>
          <p:nvSpPr>
            <p:cNvPr id="13" name="Freeform: Shape 24">
              <a:extLst>
                <a:ext uri="{FF2B5EF4-FFF2-40B4-BE49-F238E27FC236}">
                  <a16:creationId xmlns:a16="http://schemas.microsoft.com/office/drawing/2014/main" id="{634F27D7-5931-4015-A1AD-CCB850F8501A}"/>
                </a:ext>
              </a:extLst>
            </p:cNvPr>
            <p:cNvSpPr/>
            <p:nvPr/>
          </p:nvSpPr>
          <p:spPr>
            <a:xfrm>
              <a:off x="8971745"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6999" y="0"/>
                  </a:lnTo>
                  <a:lnTo>
                    <a:pt x="36999" y="36999"/>
                  </a:lnTo>
                  <a:lnTo>
                    <a:pt x="0" y="36999"/>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4" name="Freeform: Shape 26">
              <a:extLst>
                <a:ext uri="{FF2B5EF4-FFF2-40B4-BE49-F238E27FC236}">
                  <a16:creationId xmlns:a16="http://schemas.microsoft.com/office/drawing/2014/main" id="{92697C7B-16E2-447C-E4BA-03D812BACD63}"/>
                </a:ext>
              </a:extLst>
            </p:cNvPr>
            <p:cNvSpPr/>
            <p:nvPr/>
          </p:nvSpPr>
          <p:spPr>
            <a:xfrm>
              <a:off x="8971745"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6999" y="0"/>
                  </a:lnTo>
                  <a:lnTo>
                    <a:pt x="36999" y="37042"/>
                  </a:lnTo>
                  <a:lnTo>
                    <a:pt x="0" y="37042"/>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5" name="Freeform: Shape 27">
              <a:extLst>
                <a:ext uri="{FF2B5EF4-FFF2-40B4-BE49-F238E27FC236}">
                  <a16:creationId xmlns:a16="http://schemas.microsoft.com/office/drawing/2014/main" id="{C73E4BD7-735B-607C-5B63-28B7FB4A51CF}"/>
                </a:ext>
              </a:extLst>
            </p:cNvPr>
            <p:cNvSpPr/>
            <p:nvPr/>
          </p:nvSpPr>
          <p:spPr>
            <a:xfrm>
              <a:off x="8971745"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6999" y="0"/>
                  </a:lnTo>
                  <a:lnTo>
                    <a:pt x="36999" y="36999"/>
                  </a:lnTo>
                  <a:lnTo>
                    <a:pt x="0" y="36999"/>
                  </a:lnTo>
                  <a:lnTo>
                    <a:pt x="0" y="50461"/>
                  </a:lnTo>
                  <a:lnTo>
                    <a:pt x="36999" y="50461"/>
                  </a:lnTo>
                  <a:lnTo>
                    <a:pt x="36999" y="87503"/>
                  </a:lnTo>
                  <a:lnTo>
                    <a:pt x="50503" y="87503"/>
                  </a:lnTo>
                  <a:close/>
                </a:path>
              </a:pathLst>
            </a:custGeom>
            <a:grpFill/>
            <a:ln w="0" cap="flat">
              <a:noFill/>
              <a:prstDash val="solid"/>
              <a:miter/>
            </a:ln>
          </p:spPr>
          <p:txBody>
            <a:bodyPr rtlCol="0" anchor="ctr"/>
            <a:lstStyle/>
            <a:p>
              <a:endParaRPr lang="en-US"/>
            </a:p>
          </p:txBody>
        </p:sp>
        <p:sp>
          <p:nvSpPr>
            <p:cNvPr id="16" name="Freeform: Shape 28">
              <a:extLst>
                <a:ext uri="{FF2B5EF4-FFF2-40B4-BE49-F238E27FC236}">
                  <a16:creationId xmlns:a16="http://schemas.microsoft.com/office/drawing/2014/main" id="{028CF75B-619A-433F-271D-00D712F2045E}"/>
                </a:ext>
              </a:extLst>
            </p:cNvPr>
            <p:cNvSpPr/>
            <p:nvPr/>
          </p:nvSpPr>
          <p:spPr>
            <a:xfrm>
              <a:off x="8315832" y="453220"/>
              <a:ext cx="87545" cy="87503"/>
            </a:xfrm>
            <a:custGeom>
              <a:avLst/>
              <a:gdLst>
                <a:gd name="connsiteX0" fmla="*/ 50504 w 87545"/>
                <a:gd name="connsiteY0" fmla="*/ 87503 h 87503"/>
                <a:gd name="connsiteX1" fmla="*/ 50504 w 87545"/>
                <a:gd name="connsiteY1" fmla="*/ 50504 h 87503"/>
                <a:gd name="connsiteX2" fmla="*/ 87546 w 87545"/>
                <a:gd name="connsiteY2" fmla="*/ 50504 h 87503"/>
                <a:gd name="connsiteX3" fmla="*/ 87546 w 87545"/>
                <a:gd name="connsiteY3" fmla="*/ 36999 h 87503"/>
                <a:gd name="connsiteX4" fmla="*/ 50504 w 87545"/>
                <a:gd name="connsiteY4" fmla="*/ 36999 h 87503"/>
                <a:gd name="connsiteX5" fmla="*/ 50504 w 87545"/>
                <a:gd name="connsiteY5" fmla="*/ 0 h 87503"/>
                <a:gd name="connsiteX6" fmla="*/ 37042 w 87545"/>
                <a:gd name="connsiteY6" fmla="*/ 0 h 87503"/>
                <a:gd name="connsiteX7" fmla="*/ 37042 w 87545"/>
                <a:gd name="connsiteY7" fmla="*/ 36999 h 87503"/>
                <a:gd name="connsiteX8" fmla="*/ 0 w 87545"/>
                <a:gd name="connsiteY8" fmla="*/ 36999 h 87503"/>
                <a:gd name="connsiteX9" fmla="*/ 0 w 87545"/>
                <a:gd name="connsiteY9" fmla="*/ 50504 h 87503"/>
                <a:gd name="connsiteX10" fmla="*/ 37042 w 87545"/>
                <a:gd name="connsiteY10" fmla="*/ 50504 h 87503"/>
                <a:gd name="connsiteX11" fmla="*/ 37042 w 87545"/>
                <a:gd name="connsiteY11" fmla="*/ 87503 h 87503"/>
                <a:gd name="connsiteX12" fmla="*/ 50504 w 87545"/>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7" name="Freeform: Shape 29">
              <a:extLst>
                <a:ext uri="{FF2B5EF4-FFF2-40B4-BE49-F238E27FC236}">
                  <a16:creationId xmlns:a16="http://schemas.microsoft.com/office/drawing/2014/main" id="{674D87F4-E46F-E033-BDBE-26A245CA9932}"/>
                </a:ext>
              </a:extLst>
            </p:cNvPr>
            <p:cNvSpPr/>
            <p:nvPr/>
          </p:nvSpPr>
          <p:spPr>
            <a:xfrm>
              <a:off x="8315832" y="1108879"/>
              <a:ext cx="87545" cy="87502"/>
            </a:xfrm>
            <a:custGeom>
              <a:avLst/>
              <a:gdLst>
                <a:gd name="connsiteX0" fmla="*/ 50504 w 87545"/>
                <a:gd name="connsiteY0" fmla="*/ 87503 h 87502"/>
                <a:gd name="connsiteX1" fmla="*/ 50504 w 87545"/>
                <a:gd name="connsiteY1" fmla="*/ 50504 h 87502"/>
                <a:gd name="connsiteX2" fmla="*/ 87546 w 87545"/>
                <a:gd name="connsiteY2" fmla="*/ 50504 h 87502"/>
                <a:gd name="connsiteX3" fmla="*/ 87546 w 87545"/>
                <a:gd name="connsiteY3" fmla="*/ 37042 h 87502"/>
                <a:gd name="connsiteX4" fmla="*/ 50504 w 87545"/>
                <a:gd name="connsiteY4" fmla="*/ 37042 h 87502"/>
                <a:gd name="connsiteX5" fmla="*/ 50504 w 87545"/>
                <a:gd name="connsiteY5" fmla="*/ 0 h 87502"/>
                <a:gd name="connsiteX6" fmla="*/ 37042 w 87545"/>
                <a:gd name="connsiteY6" fmla="*/ 0 h 87502"/>
                <a:gd name="connsiteX7" fmla="*/ 37042 w 87545"/>
                <a:gd name="connsiteY7" fmla="*/ 37042 h 87502"/>
                <a:gd name="connsiteX8" fmla="*/ 0 w 87545"/>
                <a:gd name="connsiteY8" fmla="*/ 37042 h 87502"/>
                <a:gd name="connsiteX9" fmla="*/ 0 w 87545"/>
                <a:gd name="connsiteY9" fmla="*/ 50504 h 87502"/>
                <a:gd name="connsiteX10" fmla="*/ 37042 w 87545"/>
                <a:gd name="connsiteY10" fmla="*/ 50504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8" name="Freeform: Shape 30">
              <a:extLst>
                <a:ext uri="{FF2B5EF4-FFF2-40B4-BE49-F238E27FC236}">
                  <a16:creationId xmlns:a16="http://schemas.microsoft.com/office/drawing/2014/main" id="{F9F5BEF6-A425-C5DA-FF7F-9A3896DADB88}"/>
                </a:ext>
              </a:extLst>
            </p:cNvPr>
            <p:cNvSpPr/>
            <p:nvPr/>
          </p:nvSpPr>
          <p:spPr>
            <a:xfrm>
              <a:off x="8315832" y="1765215"/>
              <a:ext cx="87545" cy="87502"/>
            </a:xfrm>
            <a:custGeom>
              <a:avLst/>
              <a:gdLst>
                <a:gd name="connsiteX0" fmla="*/ 50504 w 87545"/>
                <a:gd name="connsiteY0" fmla="*/ 87503 h 87502"/>
                <a:gd name="connsiteX1" fmla="*/ 50504 w 87545"/>
                <a:gd name="connsiteY1" fmla="*/ 50461 h 87502"/>
                <a:gd name="connsiteX2" fmla="*/ 87546 w 87545"/>
                <a:gd name="connsiteY2" fmla="*/ 50461 h 87502"/>
                <a:gd name="connsiteX3" fmla="*/ 87546 w 87545"/>
                <a:gd name="connsiteY3" fmla="*/ 36999 h 87502"/>
                <a:gd name="connsiteX4" fmla="*/ 50504 w 87545"/>
                <a:gd name="connsiteY4" fmla="*/ 36999 h 87502"/>
                <a:gd name="connsiteX5" fmla="*/ 50504 w 87545"/>
                <a:gd name="connsiteY5" fmla="*/ 0 h 87502"/>
                <a:gd name="connsiteX6" fmla="*/ 37042 w 87545"/>
                <a:gd name="connsiteY6" fmla="*/ 0 h 87502"/>
                <a:gd name="connsiteX7" fmla="*/ 37042 w 87545"/>
                <a:gd name="connsiteY7" fmla="*/ 36999 h 87502"/>
                <a:gd name="connsiteX8" fmla="*/ 0 w 87545"/>
                <a:gd name="connsiteY8" fmla="*/ 36999 h 87502"/>
                <a:gd name="connsiteX9" fmla="*/ 0 w 87545"/>
                <a:gd name="connsiteY9" fmla="*/ 50461 h 87502"/>
                <a:gd name="connsiteX10" fmla="*/ 37042 w 87545"/>
                <a:gd name="connsiteY10" fmla="*/ 50461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19" name="Freeform: Shape 31">
              <a:extLst>
                <a:ext uri="{FF2B5EF4-FFF2-40B4-BE49-F238E27FC236}">
                  <a16:creationId xmlns:a16="http://schemas.microsoft.com/office/drawing/2014/main" id="{3E3C6D14-766D-8FAF-2E35-7AA51DD98243}"/>
                </a:ext>
              </a:extLst>
            </p:cNvPr>
            <p:cNvSpPr/>
            <p:nvPr/>
          </p:nvSpPr>
          <p:spPr>
            <a:xfrm>
              <a:off x="7659962"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0" name="Freeform: Shape 32">
              <a:extLst>
                <a:ext uri="{FF2B5EF4-FFF2-40B4-BE49-F238E27FC236}">
                  <a16:creationId xmlns:a16="http://schemas.microsoft.com/office/drawing/2014/main" id="{5F3F56C7-188A-6BA7-5457-EB334E330935}"/>
                </a:ext>
              </a:extLst>
            </p:cNvPr>
            <p:cNvSpPr/>
            <p:nvPr/>
          </p:nvSpPr>
          <p:spPr>
            <a:xfrm>
              <a:off x="7659962"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1" name="Freeform: Shape 33">
              <a:extLst>
                <a:ext uri="{FF2B5EF4-FFF2-40B4-BE49-F238E27FC236}">
                  <a16:creationId xmlns:a16="http://schemas.microsoft.com/office/drawing/2014/main" id="{4911F5CE-D101-5093-971B-D1BD03D4A80B}"/>
                </a:ext>
              </a:extLst>
            </p:cNvPr>
            <p:cNvSpPr/>
            <p:nvPr/>
          </p:nvSpPr>
          <p:spPr>
            <a:xfrm>
              <a:off x="7659962"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2" name="Freeform: Shape 37">
              <a:extLst>
                <a:ext uri="{FF2B5EF4-FFF2-40B4-BE49-F238E27FC236}">
                  <a16:creationId xmlns:a16="http://schemas.microsoft.com/office/drawing/2014/main" id="{2529CFE6-F1F8-3A57-7313-7BDCC4DB5E8F}"/>
                </a:ext>
              </a:extLst>
            </p:cNvPr>
            <p:cNvSpPr/>
            <p:nvPr/>
          </p:nvSpPr>
          <p:spPr>
            <a:xfrm>
              <a:off x="7004049"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3" name="Freeform: Shape 38">
              <a:extLst>
                <a:ext uri="{FF2B5EF4-FFF2-40B4-BE49-F238E27FC236}">
                  <a16:creationId xmlns:a16="http://schemas.microsoft.com/office/drawing/2014/main" id="{85F62267-23FE-F38E-4556-FD00DE3B49B6}"/>
                </a:ext>
              </a:extLst>
            </p:cNvPr>
            <p:cNvSpPr/>
            <p:nvPr/>
          </p:nvSpPr>
          <p:spPr>
            <a:xfrm>
              <a:off x="7004049"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4" name="Freeform: Shape 39">
              <a:extLst>
                <a:ext uri="{FF2B5EF4-FFF2-40B4-BE49-F238E27FC236}">
                  <a16:creationId xmlns:a16="http://schemas.microsoft.com/office/drawing/2014/main" id="{00D13425-9724-D05F-29F0-7D65BBFECB93}"/>
                </a:ext>
              </a:extLst>
            </p:cNvPr>
            <p:cNvSpPr/>
            <p:nvPr/>
          </p:nvSpPr>
          <p:spPr>
            <a:xfrm>
              <a:off x="7004049"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25" name="Freeform: Shape 40">
              <a:extLst>
                <a:ext uri="{FF2B5EF4-FFF2-40B4-BE49-F238E27FC236}">
                  <a16:creationId xmlns:a16="http://schemas.microsoft.com/office/drawing/2014/main" id="{B92A81D8-4384-237E-2A35-EBDDE41D2B38}"/>
                </a:ext>
              </a:extLst>
            </p:cNvPr>
            <p:cNvSpPr/>
            <p:nvPr/>
          </p:nvSpPr>
          <p:spPr>
            <a:xfrm>
              <a:off x="6348179"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6" name="Freeform: Shape 41">
              <a:extLst>
                <a:ext uri="{FF2B5EF4-FFF2-40B4-BE49-F238E27FC236}">
                  <a16:creationId xmlns:a16="http://schemas.microsoft.com/office/drawing/2014/main" id="{A72D98C7-3DE6-D47C-2CEE-51D461860561}"/>
                </a:ext>
              </a:extLst>
            </p:cNvPr>
            <p:cNvSpPr/>
            <p:nvPr/>
          </p:nvSpPr>
          <p:spPr>
            <a:xfrm>
              <a:off x="6348179"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7" name="Freeform: Shape 42">
              <a:extLst>
                <a:ext uri="{FF2B5EF4-FFF2-40B4-BE49-F238E27FC236}">
                  <a16:creationId xmlns:a16="http://schemas.microsoft.com/office/drawing/2014/main" id="{1AF5F2EC-CE09-4B2D-8F5F-A5B5D16430E6}"/>
                </a:ext>
              </a:extLst>
            </p:cNvPr>
            <p:cNvSpPr/>
            <p:nvPr/>
          </p:nvSpPr>
          <p:spPr>
            <a:xfrm>
              <a:off x="6348179"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8" name="Freeform: Shape 43">
              <a:extLst>
                <a:ext uri="{FF2B5EF4-FFF2-40B4-BE49-F238E27FC236}">
                  <a16:creationId xmlns:a16="http://schemas.microsoft.com/office/drawing/2014/main" id="{06C3AAB4-4A13-E98E-4986-FBE9AAF6818E}"/>
                </a:ext>
              </a:extLst>
            </p:cNvPr>
            <p:cNvSpPr/>
            <p:nvPr/>
          </p:nvSpPr>
          <p:spPr>
            <a:xfrm>
              <a:off x="5692267"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1" name="Freeform: Shape 44">
              <a:extLst>
                <a:ext uri="{FF2B5EF4-FFF2-40B4-BE49-F238E27FC236}">
                  <a16:creationId xmlns:a16="http://schemas.microsoft.com/office/drawing/2014/main" id="{5DC41893-6C3C-3F7F-140A-B07DA2FEF97D}"/>
                </a:ext>
              </a:extLst>
            </p:cNvPr>
            <p:cNvSpPr/>
            <p:nvPr/>
          </p:nvSpPr>
          <p:spPr>
            <a:xfrm>
              <a:off x="5692267"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33" name="Freeform: Shape 45">
              <a:extLst>
                <a:ext uri="{FF2B5EF4-FFF2-40B4-BE49-F238E27FC236}">
                  <a16:creationId xmlns:a16="http://schemas.microsoft.com/office/drawing/2014/main" id="{A3CFA0EE-FBC0-FAD6-A0B1-96E9FB7E79A1}"/>
                </a:ext>
              </a:extLst>
            </p:cNvPr>
            <p:cNvSpPr/>
            <p:nvPr/>
          </p:nvSpPr>
          <p:spPr>
            <a:xfrm>
              <a:off x="5692267"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34" name="Freeform: Shape 46">
              <a:extLst>
                <a:ext uri="{FF2B5EF4-FFF2-40B4-BE49-F238E27FC236}">
                  <a16:creationId xmlns:a16="http://schemas.microsoft.com/office/drawing/2014/main" id="{76040B53-699D-9B78-2839-B48390143CDA}"/>
                </a:ext>
              </a:extLst>
            </p:cNvPr>
            <p:cNvSpPr/>
            <p:nvPr/>
          </p:nvSpPr>
          <p:spPr>
            <a:xfrm>
              <a:off x="5036396"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5" name="Freeform: Shape 47">
              <a:extLst>
                <a:ext uri="{FF2B5EF4-FFF2-40B4-BE49-F238E27FC236}">
                  <a16:creationId xmlns:a16="http://schemas.microsoft.com/office/drawing/2014/main" id="{D1114955-4C44-6F0F-09FC-E949BB7EC2BB}"/>
                </a:ext>
              </a:extLst>
            </p:cNvPr>
            <p:cNvSpPr/>
            <p:nvPr/>
          </p:nvSpPr>
          <p:spPr>
            <a:xfrm>
              <a:off x="5036396"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6" name="Freeform: Shape 48">
              <a:extLst>
                <a:ext uri="{FF2B5EF4-FFF2-40B4-BE49-F238E27FC236}">
                  <a16:creationId xmlns:a16="http://schemas.microsoft.com/office/drawing/2014/main" id="{4D12ADEA-6A94-06CC-6535-19AB5CC26FD6}"/>
                </a:ext>
              </a:extLst>
            </p:cNvPr>
            <p:cNvSpPr/>
            <p:nvPr/>
          </p:nvSpPr>
          <p:spPr>
            <a:xfrm>
              <a:off x="5036396"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38" name="Freeform: Shape 73">
              <a:extLst>
                <a:ext uri="{FF2B5EF4-FFF2-40B4-BE49-F238E27FC236}">
                  <a16:creationId xmlns:a16="http://schemas.microsoft.com/office/drawing/2014/main" id="{5745204F-E7DE-47BA-B63B-FD6B933777CD}"/>
                </a:ext>
              </a:extLst>
            </p:cNvPr>
            <p:cNvSpPr/>
            <p:nvPr/>
          </p:nvSpPr>
          <p:spPr>
            <a:xfrm>
              <a:off x="9627658"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7042 w 87502"/>
                <a:gd name="connsiteY6" fmla="*/ 0 h 87503"/>
                <a:gd name="connsiteX7" fmla="*/ 37042 w 87502"/>
                <a:gd name="connsiteY7" fmla="*/ 36999 h 87503"/>
                <a:gd name="connsiteX8" fmla="*/ 0 w 87502"/>
                <a:gd name="connsiteY8" fmla="*/ 36999 h 87503"/>
                <a:gd name="connsiteX9" fmla="*/ 0 w 87502"/>
                <a:gd name="connsiteY9" fmla="*/ 50504 h 87503"/>
                <a:gd name="connsiteX10" fmla="*/ 37042 w 87502"/>
                <a:gd name="connsiteY10" fmla="*/ 50504 h 87503"/>
                <a:gd name="connsiteX11" fmla="*/ 37042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7042" y="0"/>
                  </a:lnTo>
                  <a:lnTo>
                    <a:pt x="37042" y="36999"/>
                  </a:lnTo>
                  <a:lnTo>
                    <a:pt x="0" y="36999"/>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39" name="Freeform: Shape 74">
              <a:extLst>
                <a:ext uri="{FF2B5EF4-FFF2-40B4-BE49-F238E27FC236}">
                  <a16:creationId xmlns:a16="http://schemas.microsoft.com/office/drawing/2014/main" id="{B252B531-9239-92CA-7645-5FCA00DDD1C8}"/>
                </a:ext>
              </a:extLst>
            </p:cNvPr>
            <p:cNvSpPr/>
            <p:nvPr/>
          </p:nvSpPr>
          <p:spPr>
            <a:xfrm>
              <a:off x="9627658"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7042 w 87502"/>
                <a:gd name="connsiteY6" fmla="*/ 0 h 87502"/>
                <a:gd name="connsiteX7" fmla="*/ 37042 w 87502"/>
                <a:gd name="connsiteY7" fmla="*/ 37042 h 87502"/>
                <a:gd name="connsiteX8" fmla="*/ 0 w 87502"/>
                <a:gd name="connsiteY8" fmla="*/ 37042 h 87502"/>
                <a:gd name="connsiteX9" fmla="*/ 0 w 87502"/>
                <a:gd name="connsiteY9" fmla="*/ 50504 h 87502"/>
                <a:gd name="connsiteX10" fmla="*/ 37042 w 87502"/>
                <a:gd name="connsiteY10" fmla="*/ 50504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7042" y="0"/>
                  </a:lnTo>
                  <a:lnTo>
                    <a:pt x="37042" y="37042"/>
                  </a:lnTo>
                  <a:lnTo>
                    <a:pt x="0" y="37042"/>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40" name="Freeform: Shape 75">
              <a:extLst>
                <a:ext uri="{FF2B5EF4-FFF2-40B4-BE49-F238E27FC236}">
                  <a16:creationId xmlns:a16="http://schemas.microsoft.com/office/drawing/2014/main" id="{2BAD8948-458C-5977-A8DD-BD7AD189E9ED}"/>
                </a:ext>
              </a:extLst>
            </p:cNvPr>
            <p:cNvSpPr/>
            <p:nvPr/>
          </p:nvSpPr>
          <p:spPr>
            <a:xfrm>
              <a:off x="9627658"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7042 w 87502"/>
                <a:gd name="connsiteY6" fmla="*/ 0 h 87502"/>
                <a:gd name="connsiteX7" fmla="*/ 37042 w 87502"/>
                <a:gd name="connsiteY7" fmla="*/ 36999 h 87502"/>
                <a:gd name="connsiteX8" fmla="*/ 0 w 87502"/>
                <a:gd name="connsiteY8" fmla="*/ 36999 h 87502"/>
                <a:gd name="connsiteX9" fmla="*/ 0 w 87502"/>
                <a:gd name="connsiteY9" fmla="*/ 50461 h 87502"/>
                <a:gd name="connsiteX10" fmla="*/ 37042 w 87502"/>
                <a:gd name="connsiteY10" fmla="*/ 50461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7042" y="0"/>
                  </a:lnTo>
                  <a:lnTo>
                    <a:pt x="37042" y="36999"/>
                  </a:lnTo>
                  <a:lnTo>
                    <a:pt x="0" y="36999"/>
                  </a:lnTo>
                  <a:lnTo>
                    <a:pt x="0" y="50461"/>
                  </a:lnTo>
                  <a:lnTo>
                    <a:pt x="37042" y="50461"/>
                  </a:lnTo>
                  <a:lnTo>
                    <a:pt x="37042" y="87503"/>
                  </a:lnTo>
                  <a:lnTo>
                    <a:pt x="50503" y="87503"/>
                  </a:lnTo>
                  <a:close/>
                </a:path>
              </a:pathLst>
            </a:custGeom>
            <a:grpFill/>
            <a:ln w="0" cap="flat">
              <a:noFill/>
              <a:prstDash val="solid"/>
              <a:miter/>
            </a:ln>
          </p:spPr>
          <p:txBody>
            <a:bodyPr rtlCol="0" anchor="ctr"/>
            <a:lstStyle/>
            <a:p>
              <a:endParaRPr lang="en-US"/>
            </a:p>
          </p:txBody>
        </p:sp>
        <p:sp>
          <p:nvSpPr>
            <p:cNvPr id="41" name="Freeform: Shape 76">
              <a:extLst>
                <a:ext uri="{FF2B5EF4-FFF2-40B4-BE49-F238E27FC236}">
                  <a16:creationId xmlns:a16="http://schemas.microsoft.com/office/drawing/2014/main" id="{222FAAE2-0427-28D6-B5C6-21EEBA9ACBB6}"/>
                </a:ext>
              </a:extLst>
            </p:cNvPr>
            <p:cNvSpPr/>
            <p:nvPr/>
          </p:nvSpPr>
          <p:spPr>
            <a:xfrm>
              <a:off x="10283570" y="453220"/>
              <a:ext cx="87546" cy="87503"/>
            </a:xfrm>
            <a:custGeom>
              <a:avLst/>
              <a:gdLst>
                <a:gd name="connsiteX0" fmla="*/ 50504 w 87546"/>
                <a:gd name="connsiteY0" fmla="*/ 87503 h 87503"/>
                <a:gd name="connsiteX1" fmla="*/ 50504 w 87546"/>
                <a:gd name="connsiteY1" fmla="*/ 50504 h 87503"/>
                <a:gd name="connsiteX2" fmla="*/ 87546 w 87546"/>
                <a:gd name="connsiteY2" fmla="*/ 50504 h 87503"/>
                <a:gd name="connsiteX3" fmla="*/ 87546 w 87546"/>
                <a:gd name="connsiteY3" fmla="*/ 36999 h 87503"/>
                <a:gd name="connsiteX4" fmla="*/ 50504 w 87546"/>
                <a:gd name="connsiteY4" fmla="*/ 36999 h 87503"/>
                <a:gd name="connsiteX5" fmla="*/ 50504 w 87546"/>
                <a:gd name="connsiteY5" fmla="*/ 0 h 87503"/>
                <a:gd name="connsiteX6" fmla="*/ 37042 w 87546"/>
                <a:gd name="connsiteY6" fmla="*/ 0 h 87503"/>
                <a:gd name="connsiteX7" fmla="*/ 37042 w 87546"/>
                <a:gd name="connsiteY7" fmla="*/ 36999 h 87503"/>
                <a:gd name="connsiteX8" fmla="*/ 0 w 87546"/>
                <a:gd name="connsiteY8" fmla="*/ 36999 h 87503"/>
                <a:gd name="connsiteX9" fmla="*/ 0 w 87546"/>
                <a:gd name="connsiteY9" fmla="*/ 50504 h 87503"/>
                <a:gd name="connsiteX10" fmla="*/ 37042 w 87546"/>
                <a:gd name="connsiteY10" fmla="*/ 50504 h 87503"/>
                <a:gd name="connsiteX11" fmla="*/ 37042 w 87546"/>
                <a:gd name="connsiteY11" fmla="*/ 87503 h 87503"/>
                <a:gd name="connsiteX12" fmla="*/ 50504 w 87546"/>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dirty="0"/>
            </a:p>
          </p:txBody>
        </p:sp>
        <p:sp>
          <p:nvSpPr>
            <p:cNvPr id="42" name="Freeform: Shape 77">
              <a:extLst>
                <a:ext uri="{FF2B5EF4-FFF2-40B4-BE49-F238E27FC236}">
                  <a16:creationId xmlns:a16="http://schemas.microsoft.com/office/drawing/2014/main" id="{483D388D-4FFA-8A16-5F86-F425AFE79098}"/>
                </a:ext>
              </a:extLst>
            </p:cNvPr>
            <p:cNvSpPr/>
            <p:nvPr/>
          </p:nvSpPr>
          <p:spPr>
            <a:xfrm>
              <a:off x="10283570" y="1108879"/>
              <a:ext cx="87546" cy="87502"/>
            </a:xfrm>
            <a:custGeom>
              <a:avLst/>
              <a:gdLst>
                <a:gd name="connsiteX0" fmla="*/ 50504 w 87546"/>
                <a:gd name="connsiteY0" fmla="*/ 87503 h 87502"/>
                <a:gd name="connsiteX1" fmla="*/ 50504 w 87546"/>
                <a:gd name="connsiteY1" fmla="*/ 50504 h 87502"/>
                <a:gd name="connsiteX2" fmla="*/ 87546 w 87546"/>
                <a:gd name="connsiteY2" fmla="*/ 50504 h 87502"/>
                <a:gd name="connsiteX3" fmla="*/ 87546 w 87546"/>
                <a:gd name="connsiteY3" fmla="*/ 37042 h 87502"/>
                <a:gd name="connsiteX4" fmla="*/ 50504 w 87546"/>
                <a:gd name="connsiteY4" fmla="*/ 37042 h 87502"/>
                <a:gd name="connsiteX5" fmla="*/ 50504 w 87546"/>
                <a:gd name="connsiteY5" fmla="*/ 0 h 87502"/>
                <a:gd name="connsiteX6" fmla="*/ 37042 w 87546"/>
                <a:gd name="connsiteY6" fmla="*/ 0 h 87502"/>
                <a:gd name="connsiteX7" fmla="*/ 37042 w 87546"/>
                <a:gd name="connsiteY7" fmla="*/ 37042 h 87502"/>
                <a:gd name="connsiteX8" fmla="*/ 0 w 87546"/>
                <a:gd name="connsiteY8" fmla="*/ 37042 h 87502"/>
                <a:gd name="connsiteX9" fmla="*/ 0 w 87546"/>
                <a:gd name="connsiteY9" fmla="*/ 50504 h 87502"/>
                <a:gd name="connsiteX10" fmla="*/ 37042 w 87546"/>
                <a:gd name="connsiteY10" fmla="*/ 50504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43" name="Freeform: Shape 78">
              <a:extLst>
                <a:ext uri="{FF2B5EF4-FFF2-40B4-BE49-F238E27FC236}">
                  <a16:creationId xmlns:a16="http://schemas.microsoft.com/office/drawing/2014/main" id="{99DAB3A4-1947-3FC3-52D1-30073C23C599}"/>
                </a:ext>
              </a:extLst>
            </p:cNvPr>
            <p:cNvSpPr/>
            <p:nvPr/>
          </p:nvSpPr>
          <p:spPr>
            <a:xfrm>
              <a:off x="10283570" y="1765215"/>
              <a:ext cx="87546" cy="87502"/>
            </a:xfrm>
            <a:custGeom>
              <a:avLst/>
              <a:gdLst>
                <a:gd name="connsiteX0" fmla="*/ 50504 w 87546"/>
                <a:gd name="connsiteY0" fmla="*/ 87503 h 87502"/>
                <a:gd name="connsiteX1" fmla="*/ 50504 w 87546"/>
                <a:gd name="connsiteY1" fmla="*/ 50461 h 87502"/>
                <a:gd name="connsiteX2" fmla="*/ 87546 w 87546"/>
                <a:gd name="connsiteY2" fmla="*/ 50461 h 87502"/>
                <a:gd name="connsiteX3" fmla="*/ 87546 w 87546"/>
                <a:gd name="connsiteY3" fmla="*/ 36999 h 87502"/>
                <a:gd name="connsiteX4" fmla="*/ 50504 w 87546"/>
                <a:gd name="connsiteY4" fmla="*/ 36999 h 87502"/>
                <a:gd name="connsiteX5" fmla="*/ 50504 w 87546"/>
                <a:gd name="connsiteY5" fmla="*/ 0 h 87502"/>
                <a:gd name="connsiteX6" fmla="*/ 37042 w 87546"/>
                <a:gd name="connsiteY6" fmla="*/ 0 h 87502"/>
                <a:gd name="connsiteX7" fmla="*/ 37042 w 87546"/>
                <a:gd name="connsiteY7" fmla="*/ 36999 h 87502"/>
                <a:gd name="connsiteX8" fmla="*/ 0 w 87546"/>
                <a:gd name="connsiteY8" fmla="*/ 36999 h 87502"/>
                <a:gd name="connsiteX9" fmla="*/ 0 w 87546"/>
                <a:gd name="connsiteY9" fmla="*/ 50461 h 87502"/>
                <a:gd name="connsiteX10" fmla="*/ 37042 w 87546"/>
                <a:gd name="connsiteY10" fmla="*/ 50461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44" name="Freeform: Shape 79">
              <a:extLst>
                <a:ext uri="{FF2B5EF4-FFF2-40B4-BE49-F238E27FC236}">
                  <a16:creationId xmlns:a16="http://schemas.microsoft.com/office/drawing/2014/main" id="{562677DC-09C0-7380-1949-28136F0A50A0}"/>
                </a:ext>
              </a:extLst>
            </p:cNvPr>
            <p:cNvSpPr/>
            <p:nvPr/>
          </p:nvSpPr>
          <p:spPr>
            <a:xfrm>
              <a:off x="10939525" y="453220"/>
              <a:ext cx="87503" cy="87503"/>
            </a:xfrm>
            <a:custGeom>
              <a:avLst/>
              <a:gdLst>
                <a:gd name="connsiteX0" fmla="*/ 50462 w 87503"/>
                <a:gd name="connsiteY0" fmla="*/ 87503 h 87503"/>
                <a:gd name="connsiteX1" fmla="*/ 50462 w 87503"/>
                <a:gd name="connsiteY1" fmla="*/ 50504 h 87503"/>
                <a:gd name="connsiteX2" fmla="*/ 87504 w 87503"/>
                <a:gd name="connsiteY2" fmla="*/ 50504 h 87503"/>
                <a:gd name="connsiteX3" fmla="*/ 87504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4" y="50504"/>
                  </a:lnTo>
                  <a:lnTo>
                    <a:pt x="87504"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5" name="Freeform: Shape 80">
              <a:extLst>
                <a:ext uri="{FF2B5EF4-FFF2-40B4-BE49-F238E27FC236}">
                  <a16:creationId xmlns:a16="http://schemas.microsoft.com/office/drawing/2014/main" id="{288192EE-3AE7-C0A7-B028-2BBF7793CC04}"/>
                </a:ext>
              </a:extLst>
            </p:cNvPr>
            <p:cNvSpPr/>
            <p:nvPr/>
          </p:nvSpPr>
          <p:spPr>
            <a:xfrm>
              <a:off x="10939525" y="1108879"/>
              <a:ext cx="87503" cy="87502"/>
            </a:xfrm>
            <a:custGeom>
              <a:avLst/>
              <a:gdLst>
                <a:gd name="connsiteX0" fmla="*/ 50462 w 87503"/>
                <a:gd name="connsiteY0" fmla="*/ 87503 h 87502"/>
                <a:gd name="connsiteX1" fmla="*/ 50462 w 87503"/>
                <a:gd name="connsiteY1" fmla="*/ 50504 h 87502"/>
                <a:gd name="connsiteX2" fmla="*/ 87504 w 87503"/>
                <a:gd name="connsiteY2" fmla="*/ 50504 h 87502"/>
                <a:gd name="connsiteX3" fmla="*/ 87504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4" y="50504"/>
                  </a:lnTo>
                  <a:lnTo>
                    <a:pt x="87504"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6" name="Freeform: Shape 81">
              <a:extLst>
                <a:ext uri="{FF2B5EF4-FFF2-40B4-BE49-F238E27FC236}">
                  <a16:creationId xmlns:a16="http://schemas.microsoft.com/office/drawing/2014/main" id="{129B0887-3CFC-EA92-BA6F-1771512B8A35}"/>
                </a:ext>
              </a:extLst>
            </p:cNvPr>
            <p:cNvSpPr/>
            <p:nvPr/>
          </p:nvSpPr>
          <p:spPr>
            <a:xfrm>
              <a:off x="10939525" y="1765215"/>
              <a:ext cx="87503" cy="87502"/>
            </a:xfrm>
            <a:custGeom>
              <a:avLst/>
              <a:gdLst>
                <a:gd name="connsiteX0" fmla="*/ 50462 w 87503"/>
                <a:gd name="connsiteY0" fmla="*/ 87503 h 87502"/>
                <a:gd name="connsiteX1" fmla="*/ 50462 w 87503"/>
                <a:gd name="connsiteY1" fmla="*/ 50461 h 87502"/>
                <a:gd name="connsiteX2" fmla="*/ 87504 w 87503"/>
                <a:gd name="connsiteY2" fmla="*/ 50461 h 87502"/>
                <a:gd name="connsiteX3" fmla="*/ 87504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4" y="50461"/>
                  </a:lnTo>
                  <a:lnTo>
                    <a:pt x="87504"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47" name="Freeform: Shape 82">
              <a:extLst>
                <a:ext uri="{FF2B5EF4-FFF2-40B4-BE49-F238E27FC236}">
                  <a16:creationId xmlns:a16="http://schemas.microsoft.com/office/drawing/2014/main" id="{A8E6D43B-2DDA-CFA4-BF8B-85F86850C71A}"/>
                </a:ext>
              </a:extLst>
            </p:cNvPr>
            <p:cNvSpPr/>
            <p:nvPr/>
          </p:nvSpPr>
          <p:spPr>
            <a:xfrm>
              <a:off x="11595438" y="453220"/>
              <a:ext cx="87502" cy="87503"/>
            </a:xfrm>
            <a:custGeom>
              <a:avLst/>
              <a:gdLst>
                <a:gd name="connsiteX0" fmla="*/ 50461 w 87502"/>
                <a:gd name="connsiteY0" fmla="*/ 87503 h 87503"/>
                <a:gd name="connsiteX1" fmla="*/ 50461 w 87502"/>
                <a:gd name="connsiteY1" fmla="*/ 50504 h 87503"/>
                <a:gd name="connsiteX2" fmla="*/ 87503 w 87502"/>
                <a:gd name="connsiteY2" fmla="*/ 50504 h 87503"/>
                <a:gd name="connsiteX3" fmla="*/ 87503 w 87502"/>
                <a:gd name="connsiteY3" fmla="*/ 36999 h 87503"/>
                <a:gd name="connsiteX4" fmla="*/ 50461 w 87502"/>
                <a:gd name="connsiteY4" fmla="*/ 36999 h 87503"/>
                <a:gd name="connsiteX5" fmla="*/ 50461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461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461" y="87503"/>
                  </a:moveTo>
                  <a:lnTo>
                    <a:pt x="50461" y="50504"/>
                  </a:lnTo>
                  <a:lnTo>
                    <a:pt x="87503" y="50504"/>
                  </a:lnTo>
                  <a:lnTo>
                    <a:pt x="87503" y="36999"/>
                  </a:lnTo>
                  <a:lnTo>
                    <a:pt x="50461" y="36999"/>
                  </a:lnTo>
                  <a:lnTo>
                    <a:pt x="50461" y="0"/>
                  </a:lnTo>
                  <a:lnTo>
                    <a:pt x="36999" y="0"/>
                  </a:lnTo>
                  <a:lnTo>
                    <a:pt x="36999" y="36999"/>
                  </a:lnTo>
                  <a:lnTo>
                    <a:pt x="0" y="36999"/>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8" name="Freeform: Shape 83">
              <a:extLst>
                <a:ext uri="{FF2B5EF4-FFF2-40B4-BE49-F238E27FC236}">
                  <a16:creationId xmlns:a16="http://schemas.microsoft.com/office/drawing/2014/main" id="{25B3F3F7-4615-93FF-AE23-F55F0DC82411}"/>
                </a:ext>
              </a:extLst>
            </p:cNvPr>
            <p:cNvSpPr/>
            <p:nvPr/>
          </p:nvSpPr>
          <p:spPr>
            <a:xfrm>
              <a:off x="11595438" y="1108879"/>
              <a:ext cx="87502" cy="87502"/>
            </a:xfrm>
            <a:custGeom>
              <a:avLst/>
              <a:gdLst>
                <a:gd name="connsiteX0" fmla="*/ 50461 w 87502"/>
                <a:gd name="connsiteY0" fmla="*/ 87503 h 87502"/>
                <a:gd name="connsiteX1" fmla="*/ 50461 w 87502"/>
                <a:gd name="connsiteY1" fmla="*/ 50504 h 87502"/>
                <a:gd name="connsiteX2" fmla="*/ 87503 w 87502"/>
                <a:gd name="connsiteY2" fmla="*/ 50504 h 87502"/>
                <a:gd name="connsiteX3" fmla="*/ 87503 w 87502"/>
                <a:gd name="connsiteY3" fmla="*/ 37042 h 87502"/>
                <a:gd name="connsiteX4" fmla="*/ 50461 w 87502"/>
                <a:gd name="connsiteY4" fmla="*/ 37042 h 87502"/>
                <a:gd name="connsiteX5" fmla="*/ 50461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504"/>
                  </a:lnTo>
                  <a:lnTo>
                    <a:pt x="87503" y="50504"/>
                  </a:lnTo>
                  <a:lnTo>
                    <a:pt x="87503" y="37042"/>
                  </a:lnTo>
                  <a:lnTo>
                    <a:pt x="50461" y="37042"/>
                  </a:lnTo>
                  <a:lnTo>
                    <a:pt x="50461" y="0"/>
                  </a:lnTo>
                  <a:lnTo>
                    <a:pt x="36999" y="0"/>
                  </a:lnTo>
                  <a:lnTo>
                    <a:pt x="36999" y="37042"/>
                  </a:lnTo>
                  <a:lnTo>
                    <a:pt x="0" y="37042"/>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9" name="Freeform: Shape 84">
              <a:extLst>
                <a:ext uri="{FF2B5EF4-FFF2-40B4-BE49-F238E27FC236}">
                  <a16:creationId xmlns:a16="http://schemas.microsoft.com/office/drawing/2014/main" id="{5D27012A-C802-63A7-4F84-C8EEB1C3403C}"/>
                </a:ext>
              </a:extLst>
            </p:cNvPr>
            <p:cNvSpPr/>
            <p:nvPr/>
          </p:nvSpPr>
          <p:spPr>
            <a:xfrm>
              <a:off x="11595438" y="1765215"/>
              <a:ext cx="87502" cy="87502"/>
            </a:xfrm>
            <a:custGeom>
              <a:avLst/>
              <a:gdLst>
                <a:gd name="connsiteX0" fmla="*/ 50461 w 87502"/>
                <a:gd name="connsiteY0" fmla="*/ 87503 h 87502"/>
                <a:gd name="connsiteX1" fmla="*/ 50461 w 87502"/>
                <a:gd name="connsiteY1" fmla="*/ 50461 h 87502"/>
                <a:gd name="connsiteX2" fmla="*/ 87503 w 87502"/>
                <a:gd name="connsiteY2" fmla="*/ 50461 h 87502"/>
                <a:gd name="connsiteX3" fmla="*/ 87503 w 87502"/>
                <a:gd name="connsiteY3" fmla="*/ 36999 h 87502"/>
                <a:gd name="connsiteX4" fmla="*/ 50461 w 87502"/>
                <a:gd name="connsiteY4" fmla="*/ 36999 h 87502"/>
                <a:gd name="connsiteX5" fmla="*/ 50461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461"/>
                  </a:lnTo>
                  <a:lnTo>
                    <a:pt x="87503" y="50461"/>
                  </a:lnTo>
                  <a:lnTo>
                    <a:pt x="87503" y="36999"/>
                  </a:lnTo>
                  <a:lnTo>
                    <a:pt x="50461" y="36999"/>
                  </a:lnTo>
                  <a:lnTo>
                    <a:pt x="50461" y="0"/>
                  </a:lnTo>
                  <a:lnTo>
                    <a:pt x="36999" y="0"/>
                  </a:lnTo>
                  <a:lnTo>
                    <a:pt x="36999" y="36999"/>
                  </a:lnTo>
                  <a:lnTo>
                    <a:pt x="0" y="36999"/>
                  </a:lnTo>
                  <a:lnTo>
                    <a:pt x="0" y="50461"/>
                  </a:lnTo>
                  <a:lnTo>
                    <a:pt x="36999" y="50461"/>
                  </a:lnTo>
                  <a:lnTo>
                    <a:pt x="36999" y="87503"/>
                  </a:lnTo>
                  <a:lnTo>
                    <a:pt x="50461" y="87503"/>
                  </a:lnTo>
                  <a:close/>
                </a:path>
              </a:pathLst>
            </a:custGeom>
            <a:grpFill/>
            <a:ln w="0" cap="flat">
              <a:noFill/>
              <a:prstDash val="solid"/>
              <a:miter/>
            </a:ln>
          </p:spPr>
          <p:txBody>
            <a:bodyPr rtlCol="0" anchor="ctr"/>
            <a:lstStyle/>
            <a:p>
              <a:endParaRPr lang="en-US"/>
            </a:p>
          </p:txBody>
        </p:sp>
      </p:grpSp>
      <p:sp>
        <p:nvSpPr>
          <p:cNvPr id="6" name="Slide Number Placeholder 5">
            <a:extLst>
              <a:ext uri="{FF2B5EF4-FFF2-40B4-BE49-F238E27FC236}">
                <a16:creationId xmlns:a16="http://schemas.microsoft.com/office/drawing/2014/main" id="{70DA6776-2740-241C-2B98-87CB7655F9EC}"/>
              </a:ext>
            </a:extLst>
          </p:cNvPr>
          <p:cNvSpPr>
            <a:spLocks noGrp="1"/>
          </p:cNvSpPr>
          <p:nvPr>
            <p:ph type="sldNum" sz="quarter" idx="19"/>
          </p:nvPr>
        </p:nvSpPr>
        <p:spPr/>
        <p:txBody>
          <a:bodyPr/>
          <a:lstStyle/>
          <a:p>
            <a:fld id="{23AA811B-2EBD-4900-905E-5BE206449611}" type="slidenum">
              <a:rPr lang="en-US" smtClean="0"/>
              <a:pPr/>
              <a:t>7</a:t>
            </a:fld>
            <a:endParaRPr lang="en-US" dirty="0"/>
          </a:p>
        </p:txBody>
      </p:sp>
      <p:sp>
        <p:nvSpPr>
          <p:cNvPr id="7" name="Date Placeholder 6">
            <a:extLst>
              <a:ext uri="{FF2B5EF4-FFF2-40B4-BE49-F238E27FC236}">
                <a16:creationId xmlns:a16="http://schemas.microsoft.com/office/drawing/2014/main" id="{808B5436-E978-428B-503C-49075E5E8B39}"/>
              </a:ext>
            </a:extLst>
          </p:cNvPr>
          <p:cNvSpPr>
            <a:spLocks noGrp="1"/>
          </p:cNvSpPr>
          <p:nvPr>
            <p:ph type="dt" sz="half" idx="13"/>
          </p:nvPr>
        </p:nvSpPr>
        <p:spPr/>
        <p:txBody>
          <a:bodyPr/>
          <a:lstStyle/>
          <a:p>
            <a:fld id="{B118041E-2DAD-480C-AEE4-E661A097CFE4}" type="datetime1">
              <a:rPr lang="en-US" smtClean="0"/>
              <a:t>7/26/2024</a:t>
            </a:fld>
            <a:endParaRPr lang="en-US" dirty="0"/>
          </a:p>
        </p:txBody>
      </p:sp>
      <p:sp>
        <p:nvSpPr>
          <p:cNvPr id="56" name="Rectangle: Single Corner Rounded 35">
            <a:extLst>
              <a:ext uri="{FF2B5EF4-FFF2-40B4-BE49-F238E27FC236}">
                <a16:creationId xmlns:a16="http://schemas.microsoft.com/office/drawing/2014/main" id="{E327E741-D85D-841E-E40A-B0A43D895F51}"/>
              </a:ext>
            </a:extLst>
          </p:cNvPr>
          <p:cNvSpPr/>
          <p:nvPr/>
        </p:nvSpPr>
        <p:spPr>
          <a:xfrm>
            <a:off x="1530388" y="0"/>
            <a:ext cx="3278306" cy="6858000"/>
          </a:xfrm>
          <a:prstGeom prst="round1Rect">
            <a:avLst>
              <a:gd name="adj" fmla="val 21969"/>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9" name="Title 28">
            <a:extLst>
              <a:ext uri="{FF2B5EF4-FFF2-40B4-BE49-F238E27FC236}">
                <a16:creationId xmlns:a16="http://schemas.microsoft.com/office/drawing/2014/main" id="{86E7C752-D4CC-0754-6E73-216D13D51344}"/>
              </a:ext>
            </a:extLst>
          </p:cNvPr>
          <p:cNvSpPr>
            <a:spLocks noGrp="1"/>
          </p:cNvSpPr>
          <p:nvPr>
            <p:ph type="title"/>
          </p:nvPr>
        </p:nvSpPr>
        <p:spPr>
          <a:xfrm>
            <a:off x="360000" y="533211"/>
            <a:ext cx="4697451" cy="737286"/>
          </a:xfrm>
        </p:spPr>
        <p:txBody>
          <a:bodyPr/>
          <a:lstStyle/>
          <a:p>
            <a:r>
              <a:rPr lang="en-US" dirty="0" smtClean="0"/>
              <a:t>Call Notes</a:t>
            </a:r>
            <a:endParaRPr lang="en-US" sz="1400" dirty="0"/>
          </a:p>
        </p:txBody>
      </p:sp>
      <p:sp>
        <p:nvSpPr>
          <p:cNvPr id="53" name="Text Placeholder 52">
            <a:extLst>
              <a:ext uri="{FF2B5EF4-FFF2-40B4-BE49-F238E27FC236}">
                <a16:creationId xmlns:a16="http://schemas.microsoft.com/office/drawing/2014/main" id="{45A76E46-1F3B-B6C5-E6F5-DD3417EA95C0}"/>
              </a:ext>
            </a:extLst>
          </p:cNvPr>
          <p:cNvSpPr>
            <a:spLocks noGrp="1"/>
          </p:cNvSpPr>
          <p:nvPr>
            <p:ph type="body" sz="quarter" idx="17"/>
          </p:nvPr>
        </p:nvSpPr>
        <p:spPr/>
        <p:txBody>
          <a:bodyPr/>
          <a:lstStyle/>
          <a:p>
            <a:r>
              <a:rPr lang="en-US" dirty="0"/>
              <a:t>Provider Resources</a:t>
            </a:r>
          </a:p>
          <a:p>
            <a:endParaRPr lang="en-US" dirty="0"/>
          </a:p>
        </p:txBody>
      </p:sp>
      <p:sp>
        <p:nvSpPr>
          <p:cNvPr id="30" name="Content Placeholder 29">
            <a:extLst>
              <a:ext uri="{FF2B5EF4-FFF2-40B4-BE49-F238E27FC236}">
                <a16:creationId xmlns:a16="http://schemas.microsoft.com/office/drawing/2014/main" id="{BDEDC7F6-76E6-6201-D50D-BD1E0F012D27}"/>
              </a:ext>
            </a:extLst>
          </p:cNvPr>
          <p:cNvSpPr>
            <a:spLocks noGrp="1"/>
          </p:cNvSpPr>
          <p:nvPr>
            <p:ph idx="1"/>
          </p:nvPr>
        </p:nvSpPr>
        <p:spPr>
          <a:xfrm>
            <a:off x="360000" y="1534902"/>
            <a:ext cx="4123865" cy="4042800"/>
          </a:xfrm>
        </p:spPr>
        <p:txBody>
          <a:bodyPr/>
          <a:lstStyle/>
          <a:p>
            <a:pPr marL="182880" indent="-182880">
              <a:buClr>
                <a:schemeClr val="accent3"/>
              </a:buClr>
              <a:buFont typeface="+mj-lt"/>
              <a:buAutoNum type="arabicPeriod"/>
            </a:pPr>
            <a:r>
              <a:rPr lang="en-US" sz="1600" dirty="0" smtClean="0"/>
              <a:t>Use the radial button to select options if applicable</a:t>
            </a:r>
          </a:p>
          <a:p>
            <a:pPr marL="182880" indent="-182880">
              <a:buClr>
                <a:schemeClr val="accent3"/>
              </a:buClr>
              <a:buFont typeface="+mj-lt"/>
              <a:buAutoNum type="arabicPeriod"/>
            </a:pPr>
            <a:r>
              <a:rPr lang="en-US" sz="1600" dirty="0" smtClean="0"/>
              <a:t>If ‘Procedure was performed on’ </a:t>
            </a:r>
            <a:r>
              <a:rPr lang="en-US" sz="1600" smtClean="0"/>
              <a:t>is selected, the date </a:t>
            </a:r>
            <a:r>
              <a:rPr lang="en-US" sz="1600" dirty="0" smtClean="0"/>
              <a:t>is required</a:t>
            </a:r>
            <a:endParaRPr lang="en-US" sz="1600" dirty="0"/>
          </a:p>
        </p:txBody>
      </p:sp>
      <p:sp>
        <p:nvSpPr>
          <p:cNvPr id="5" name="Slide Number Placeholder 9">
            <a:extLst>
              <a:ext uri="{FF2B5EF4-FFF2-40B4-BE49-F238E27FC236}">
                <a16:creationId xmlns:a16="http://schemas.microsoft.com/office/drawing/2014/main" id="{0C562D05-4647-FDDA-D0DC-68E99C5F7421}"/>
              </a:ext>
            </a:extLst>
          </p:cNvPr>
          <p:cNvSpPr txBox="1">
            <a:spLocks/>
          </p:cNvSpPr>
          <p:nvPr/>
        </p:nvSpPr>
        <p:spPr>
          <a:xfrm>
            <a:off x="11561374" y="6364800"/>
            <a:ext cx="266400" cy="180000"/>
          </a:xfrm>
          <a:prstGeom prst="rect">
            <a:avLst/>
          </a:prstGeom>
        </p:spPr>
        <p:txBody>
          <a:bodyPr vert="horz" lIns="0" tIns="0" rIns="0" bIns="0" rtlCol="0" anchor="b" anchorCtr="0"/>
          <a:lstStyle>
            <a:defPPr>
              <a:defRPr lang="en-US"/>
            </a:defPPr>
            <a:lvl1pPr algn="r" defTabSz="457200" rtl="0" eaLnBrk="0" fontAlgn="base" hangingPunct="0">
              <a:lnSpc>
                <a:spcPct val="90000"/>
              </a:lnSpc>
              <a:spcBef>
                <a:spcPct val="0"/>
              </a:spcBef>
              <a:spcAft>
                <a:spcPct val="0"/>
              </a:spcAft>
              <a:defRPr sz="800" kern="1200" spc="80" baseline="0">
                <a:solidFill>
                  <a:srgbClr val="035C67"/>
                </a:solidFill>
                <a:latin typeface="+mn-lt"/>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23AA811B-2EBD-4900-905E-5BE206449611}" type="slidenum">
              <a:rPr lang="en-US" smtClean="0">
                <a:solidFill>
                  <a:schemeClr val="bg2"/>
                </a:solidFill>
              </a:rPr>
              <a:pPr/>
              <a:t>7</a:t>
            </a:fld>
            <a:endParaRPr lang="en-US" dirty="0">
              <a:solidFill>
                <a:schemeClr val="bg2"/>
              </a:solidFill>
            </a:endParaRPr>
          </a:p>
        </p:txBody>
      </p:sp>
      <p:sp>
        <p:nvSpPr>
          <p:cNvPr id="32" name="Date Placeholder 6">
            <a:extLst>
              <a:ext uri="{FF2B5EF4-FFF2-40B4-BE49-F238E27FC236}">
                <a16:creationId xmlns:a16="http://schemas.microsoft.com/office/drawing/2014/main" id="{3695723E-1CDD-D736-E40E-962E9655CEFE}"/>
              </a:ext>
            </a:extLst>
          </p:cNvPr>
          <p:cNvSpPr txBox="1">
            <a:spLocks/>
          </p:cNvSpPr>
          <p:nvPr/>
        </p:nvSpPr>
        <p:spPr>
          <a:xfrm>
            <a:off x="10630800" y="6364800"/>
            <a:ext cx="691200" cy="180000"/>
          </a:xfrm>
          <a:prstGeom prst="rect">
            <a:avLst/>
          </a:prstGeom>
        </p:spPr>
        <p:txBody>
          <a:bodyPr vert="horz" lIns="0" tIns="0" rIns="0" bIns="0" rtlCol="0" anchor="b" anchorCtr="0"/>
          <a:lstStyle>
            <a:defPPr>
              <a:defRPr lang="en-US"/>
            </a:defPPr>
            <a:lvl1pPr algn="r" defTabSz="457200" rtl="0" eaLnBrk="0" fontAlgn="base" hangingPunct="0">
              <a:spcBef>
                <a:spcPct val="0"/>
              </a:spcBef>
              <a:spcAft>
                <a:spcPct val="0"/>
              </a:spcAft>
              <a:defRPr sz="800" kern="1200">
                <a:solidFill>
                  <a:srgbClr val="035C67"/>
                </a:solidFill>
                <a:latin typeface="Arial" panose="020B0604020202020204" pitchFamily="34" charset="0"/>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5DC5082E-2538-4C43-B98E-BD181BFDFAF9}" type="datetime1">
              <a:rPr lang="en-US" smtClean="0">
                <a:solidFill>
                  <a:schemeClr val="bg2"/>
                </a:solidFill>
              </a:rPr>
              <a:pPr/>
              <a:t>7/26/2024</a:t>
            </a:fld>
            <a:endParaRPr lang="en-US" dirty="0">
              <a:solidFill>
                <a:schemeClr val="bg2"/>
              </a:solidFill>
            </a:endParaRPr>
          </a:p>
        </p:txBody>
      </p:sp>
      <p:sp>
        <p:nvSpPr>
          <p:cNvPr id="37" name="Legal dynamic" descr="{&quot;templafy&quot;:{&quot;id&quot;:&quot;aa68e427-5bc3-493e-b5cc-087f9adfba53&quot;}}" title="Form.Cigna_Confidentiality.EvernorthConfidentiality">
            <a:extLst>
              <a:ext uri="{FF2B5EF4-FFF2-40B4-BE49-F238E27FC236}">
                <a16:creationId xmlns:a16="http://schemas.microsoft.com/office/drawing/2014/main" id="{06968F0A-2CF8-2E24-5B24-6B3C88906990}"/>
              </a:ext>
            </a:extLst>
          </p:cNvPr>
          <p:cNvSpPr/>
          <p:nvPr/>
        </p:nvSpPr>
        <p:spPr>
          <a:xfrm>
            <a:off x="6075680" y="62136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8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pic>
        <p:nvPicPr>
          <p:cNvPr id="1026" name="Picture 2" descr="image004"/>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5689724" y="1890188"/>
            <a:ext cx="5448300" cy="37433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6933170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565B2AC2-A6DB-FEDA-A6EF-EBA77549050A}"/>
              </a:ext>
            </a:extLst>
          </p:cNvPr>
          <p:cNvSpPr/>
          <p:nvPr/>
        </p:nvSpPr>
        <p:spPr>
          <a:xfrm>
            <a:off x="3507129" y="0"/>
            <a:ext cx="8684871"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10" name="Group 9">
            <a:extLst>
              <a:ext uri="{FF2B5EF4-FFF2-40B4-BE49-F238E27FC236}">
                <a16:creationId xmlns:a16="http://schemas.microsoft.com/office/drawing/2014/main" id="{15B51A9A-A1DF-DF9B-429F-43B4D587AC48}"/>
              </a:ext>
            </a:extLst>
          </p:cNvPr>
          <p:cNvGrpSpPr/>
          <p:nvPr/>
        </p:nvGrpSpPr>
        <p:grpSpPr>
          <a:xfrm>
            <a:off x="5191144" y="360622"/>
            <a:ext cx="6646544" cy="1399497"/>
            <a:chOff x="5036396" y="453220"/>
            <a:chExt cx="6646544" cy="1399497"/>
          </a:xfrm>
          <a:solidFill>
            <a:schemeClr val="accent2"/>
          </a:solidFill>
        </p:grpSpPr>
        <p:sp>
          <p:nvSpPr>
            <p:cNvPr id="11" name="Freeform: Shape 24">
              <a:extLst>
                <a:ext uri="{FF2B5EF4-FFF2-40B4-BE49-F238E27FC236}">
                  <a16:creationId xmlns:a16="http://schemas.microsoft.com/office/drawing/2014/main" id="{FA9DE102-1E86-7781-5B83-1F4109CD3691}"/>
                </a:ext>
              </a:extLst>
            </p:cNvPr>
            <p:cNvSpPr/>
            <p:nvPr/>
          </p:nvSpPr>
          <p:spPr>
            <a:xfrm>
              <a:off x="8971745"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6999" y="0"/>
                  </a:lnTo>
                  <a:lnTo>
                    <a:pt x="36999" y="36999"/>
                  </a:lnTo>
                  <a:lnTo>
                    <a:pt x="0" y="36999"/>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2" name="Freeform: Shape 26">
              <a:extLst>
                <a:ext uri="{FF2B5EF4-FFF2-40B4-BE49-F238E27FC236}">
                  <a16:creationId xmlns:a16="http://schemas.microsoft.com/office/drawing/2014/main" id="{5AE05EBB-2009-1478-0426-564FC368C063}"/>
                </a:ext>
              </a:extLst>
            </p:cNvPr>
            <p:cNvSpPr/>
            <p:nvPr/>
          </p:nvSpPr>
          <p:spPr>
            <a:xfrm>
              <a:off x="8971745"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6999" y="0"/>
                  </a:lnTo>
                  <a:lnTo>
                    <a:pt x="36999" y="37042"/>
                  </a:lnTo>
                  <a:lnTo>
                    <a:pt x="0" y="37042"/>
                  </a:lnTo>
                  <a:lnTo>
                    <a:pt x="0" y="50504"/>
                  </a:lnTo>
                  <a:lnTo>
                    <a:pt x="36999" y="50504"/>
                  </a:lnTo>
                  <a:lnTo>
                    <a:pt x="36999" y="87503"/>
                  </a:lnTo>
                  <a:lnTo>
                    <a:pt x="50503" y="87503"/>
                  </a:lnTo>
                  <a:close/>
                </a:path>
              </a:pathLst>
            </a:custGeom>
            <a:grpFill/>
            <a:ln w="0" cap="flat">
              <a:noFill/>
              <a:prstDash val="solid"/>
              <a:miter/>
            </a:ln>
          </p:spPr>
          <p:txBody>
            <a:bodyPr rtlCol="0" anchor="ctr"/>
            <a:lstStyle/>
            <a:p>
              <a:endParaRPr lang="en-US"/>
            </a:p>
          </p:txBody>
        </p:sp>
        <p:sp>
          <p:nvSpPr>
            <p:cNvPr id="13" name="Freeform: Shape 27">
              <a:extLst>
                <a:ext uri="{FF2B5EF4-FFF2-40B4-BE49-F238E27FC236}">
                  <a16:creationId xmlns:a16="http://schemas.microsoft.com/office/drawing/2014/main" id="{089134F4-E749-DB3C-E490-DB6AA1247730}"/>
                </a:ext>
              </a:extLst>
            </p:cNvPr>
            <p:cNvSpPr/>
            <p:nvPr/>
          </p:nvSpPr>
          <p:spPr>
            <a:xfrm>
              <a:off x="8971745"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6999" y="0"/>
                  </a:lnTo>
                  <a:lnTo>
                    <a:pt x="36999" y="36999"/>
                  </a:lnTo>
                  <a:lnTo>
                    <a:pt x="0" y="36999"/>
                  </a:lnTo>
                  <a:lnTo>
                    <a:pt x="0" y="50461"/>
                  </a:lnTo>
                  <a:lnTo>
                    <a:pt x="36999" y="50461"/>
                  </a:lnTo>
                  <a:lnTo>
                    <a:pt x="36999" y="87503"/>
                  </a:lnTo>
                  <a:lnTo>
                    <a:pt x="50503" y="87503"/>
                  </a:lnTo>
                  <a:close/>
                </a:path>
              </a:pathLst>
            </a:custGeom>
            <a:grpFill/>
            <a:ln w="0" cap="flat">
              <a:noFill/>
              <a:prstDash val="solid"/>
              <a:miter/>
            </a:ln>
          </p:spPr>
          <p:txBody>
            <a:bodyPr rtlCol="0" anchor="ctr"/>
            <a:lstStyle/>
            <a:p>
              <a:endParaRPr lang="en-US"/>
            </a:p>
          </p:txBody>
        </p:sp>
        <p:sp>
          <p:nvSpPr>
            <p:cNvPr id="14" name="Freeform: Shape 28">
              <a:extLst>
                <a:ext uri="{FF2B5EF4-FFF2-40B4-BE49-F238E27FC236}">
                  <a16:creationId xmlns:a16="http://schemas.microsoft.com/office/drawing/2014/main" id="{CB3CE8EB-BB50-CC95-18EA-0FC9651B7F22}"/>
                </a:ext>
              </a:extLst>
            </p:cNvPr>
            <p:cNvSpPr/>
            <p:nvPr/>
          </p:nvSpPr>
          <p:spPr>
            <a:xfrm>
              <a:off x="8315832" y="453220"/>
              <a:ext cx="87545" cy="87503"/>
            </a:xfrm>
            <a:custGeom>
              <a:avLst/>
              <a:gdLst>
                <a:gd name="connsiteX0" fmla="*/ 50504 w 87545"/>
                <a:gd name="connsiteY0" fmla="*/ 87503 h 87503"/>
                <a:gd name="connsiteX1" fmla="*/ 50504 w 87545"/>
                <a:gd name="connsiteY1" fmla="*/ 50504 h 87503"/>
                <a:gd name="connsiteX2" fmla="*/ 87546 w 87545"/>
                <a:gd name="connsiteY2" fmla="*/ 50504 h 87503"/>
                <a:gd name="connsiteX3" fmla="*/ 87546 w 87545"/>
                <a:gd name="connsiteY3" fmla="*/ 36999 h 87503"/>
                <a:gd name="connsiteX4" fmla="*/ 50504 w 87545"/>
                <a:gd name="connsiteY4" fmla="*/ 36999 h 87503"/>
                <a:gd name="connsiteX5" fmla="*/ 50504 w 87545"/>
                <a:gd name="connsiteY5" fmla="*/ 0 h 87503"/>
                <a:gd name="connsiteX6" fmla="*/ 37042 w 87545"/>
                <a:gd name="connsiteY6" fmla="*/ 0 h 87503"/>
                <a:gd name="connsiteX7" fmla="*/ 37042 w 87545"/>
                <a:gd name="connsiteY7" fmla="*/ 36999 h 87503"/>
                <a:gd name="connsiteX8" fmla="*/ 0 w 87545"/>
                <a:gd name="connsiteY8" fmla="*/ 36999 h 87503"/>
                <a:gd name="connsiteX9" fmla="*/ 0 w 87545"/>
                <a:gd name="connsiteY9" fmla="*/ 50504 h 87503"/>
                <a:gd name="connsiteX10" fmla="*/ 37042 w 87545"/>
                <a:gd name="connsiteY10" fmla="*/ 50504 h 87503"/>
                <a:gd name="connsiteX11" fmla="*/ 37042 w 87545"/>
                <a:gd name="connsiteY11" fmla="*/ 87503 h 87503"/>
                <a:gd name="connsiteX12" fmla="*/ 50504 w 87545"/>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5" name="Freeform: Shape 29">
              <a:extLst>
                <a:ext uri="{FF2B5EF4-FFF2-40B4-BE49-F238E27FC236}">
                  <a16:creationId xmlns:a16="http://schemas.microsoft.com/office/drawing/2014/main" id="{B225CB1D-030E-0E44-7CD6-67C1D0A1AFD9}"/>
                </a:ext>
              </a:extLst>
            </p:cNvPr>
            <p:cNvSpPr/>
            <p:nvPr/>
          </p:nvSpPr>
          <p:spPr>
            <a:xfrm>
              <a:off x="8315832" y="1108879"/>
              <a:ext cx="87545" cy="87502"/>
            </a:xfrm>
            <a:custGeom>
              <a:avLst/>
              <a:gdLst>
                <a:gd name="connsiteX0" fmla="*/ 50504 w 87545"/>
                <a:gd name="connsiteY0" fmla="*/ 87503 h 87502"/>
                <a:gd name="connsiteX1" fmla="*/ 50504 w 87545"/>
                <a:gd name="connsiteY1" fmla="*/ 50504 h 87502"/>
                <a:gd name="connsiteX2" fmla="*/ 87546 w 87545"/>
                <a:gd name="connsiteY2" fmla="*/ 50504 h 87502"/>
                <a:gd name="connsiteX3" fmla="*/ 87546 w 87545"/>
                <a:gd name="connsiteY3" fmla="*/ 37042 h 87502"/>
                <a:gd name="connsiteX4" fmla="*/ 50504 w 87545"/>
                <a:gd name="connsiteY4" fmla="*/ 37042 h 87502"/>
                <a:gd name="connsiteX5" fmla="*/ 50504 w 87545"/>
                <a:gd name="connsiteY5" fmla="*/ 0 h 87502"/>
                <a:gd name="connsiteX6" fmla="*/ 37042 w 87545"/>
                <a:gd name="connsiteY6" fmla="*/ 0 h 87502"/>
                <a:gd name="connsiteX7" fmla="*/ 37042 w 87545"/>
                <a:gd name="connsiteY7" fmla="*/ 37042 h 87502"/>
                <a:gd name="connsiteX8" fmla="*/ 0 w 87545"/>
                <a:gd name="connsiteY8" fmla="*/ 37042 h 87502"/>
                <a:gd name="connsiteX9" fmla="*/ 0 w 87545"/>
                <a:gd name="connsiteY9" fmla="*/ 50504 h 87502"/>
                <a:gd name="connsiteX10" fmla="*/ 37042 w 87545"/>
                <a:gd name="connsiteY10" fmla="*/ 50504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16" name="Freeform: Shape 30">
              <a:extLst>
                <a:ext uri="{FF2B5EF4-FFF2-40B4-BE49-F238E27FC236}">
                  <a16:creationId xmlns:a16="http://schemas.microsoft.com/office/drawing/2014/main" id="{FB71EAB6-5E7D-C9ED-329B-BBF7CFE1CE69}"/>
                </a:ext>
              </a:extLst>
            </p:cNvPr>
            <p:cNvSpPr/>
            <p:nvPr/>
          </p:nvSpPr>
          <p:spPr>
            <a:xfrm>
              <a:off x="8315832" y="1765215"/>
              <a:ext cx="87545" cy="87502"/>
            </a:xfrm>
            <a:custGeom>
              <a:avLst/>
              <a:gdLst>
                <a:gd name="connsiteX0" fmla="*/ 50504 w 87545"/>
                <a:gd name="connsiteY0" fmla="*/ 87503 h 87502"/>
                <a:gd name="connsiteX1" fmla="*/ 50504 w 87545"/>
                <a:gd name="connsiteY1" fmla="*/ 50461 h 87502"/>
                <a:gd name="connsiteX2" fmla="*/ 87546 w 87545"/>
                <a:gd name="connsiteY2" fmla="*/ 50461 h 87502"/>
                <a:gd name="connsiteX3" fmla="*/ 87546 w 87545"/>
                <a:gd name="connsiteY3" fmla="*/ 36999 h 87502"/>
                <a:gd name="connsiteX4" fmla="*/ 50504 w 87545"/>
                <a:gd name="connsiteY4" fmla="*/ 36999 h 87502"/>
                <a:gd name="connsiteX5" fmla="*/ 50504 w 87545"/>
                <a:gd name="connsiteY5" fmla="*/ 0 h 87502"/>
                <a:gd name="connsiteX6" fmla="*/ 37042 w 87545"/>
                <a:gd name="connsiteY6" fmla="*/ 0 h 87502"/>
                <a:gd name="connsiteX7" fmla="*/ 37042 w 87545"/>
                <a:gd name="connsiteY7" fmla="*/ 36999 h 87502"/>
                <a:gd name="connsiteX8" fmla="*/ 0 w 87545"/>
                <a:gd name="connsiteY8" fmla="*/ 36999 h 87502"/>
                <a:gd name="connsiteX9" fmla="*/ 0 w 87545"/>
                <a:gd name="connsiteY9" fmla="*/ 50461 h 87502"/>
                <a:gd name="connsiteX10" fmla="*/ 37042 w 87545"/>
                <a:gd name="connsiteY10" fmla="*/ 50461 h 87502"/>
                <a:gd name="connsiteX11" fmla="*/ 37042 w 87545"/>
                <a:gd name="connsiteY11" fmla="*/ 87503 h 87502"/>
                <a:gd name="connsiteX12" fmla="*/ 50504 w 87545"/>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5"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17" name="Freeform: Shape 31">
              <a:extLst>
                <a:ext uri="{FF2B5EF4-FFF2-40B4-BE49-F238E27FC236}">
                  <a16:creationId xmlns:a16="http://schemas.microsoft.com/office/drawing/2014/main" id="{8FD1650C-79C4-2B90-8EE9-0D90FB25FFC9}"/>
                </a:ext>
              </a:extLst>
            </p:cNvPr>
            <p:cNvSpPr/>
            <p:nvPr/>
          </p:nvSpPr>
          <p:spPr>
            <a:xfrm>
              <a:off x="7659962"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18" name="Freeform: Shape 32">
              <a:extLst>
                <a:ext uri="{FF2B5EF4-FFF2-40B4-BE49-F238E27FC236}">
                  <a16:creationId xmlns:a16="http://schemas.microsoft.com/office/drawing/2014/main" id="{CEDFB2DB-F2C0-C7A2-388B-8CDCF9189B23}"/>
                </a:ext>
              </a:extLst>
            </p:cNvPr>
            <p:cNvSpPr/>
            <p:nvPr/>
          </p:nvSpPr>
          <p:spPr>
            <a:xfrm>
              <a:off x="7659962"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19" name="Freeform: Shape 33">
              <a:extLst>
                <a:ext uri="{FF2B5EF4-FFF2-40B4-BE49-F238E27FC236}">
                  <a16:creationId xmlns:a16="http://schemas.microsoft.com/office/drawing/2014/main" id="{B660F4D3-EAB2-ED33-B525-D41AE60D5F58}"/>
                </a:ext>
              </a:extLst>
            </p:cNvPr>
            <p:cNvSpPr/>
            <p:nvPr/>
          </p:nvSpPr>
          <p:spPr>
            <a:xfrm>
              <a:off x="7659962"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0" name="Freeform: Shape 37">
              <a:extLst>
                <a:ext uri="{FF2B5EF4-FFF2-40B4-BE49-F238E27FC236}">
                  <a16:creationId xmlns:a16="http://schemas.microsoft.com/office/drawing/2014/main" id="{AAA356AF-843E-AF1F-3447-88982ADE3DE5}"/>
                </a:ext>
              </a:extLst>
            </p:cNvPr>
            <p:cNvSpPr/>
            <p:nvPr/>
          </p:nvSpPr>
          <p:spPr>
            <a:xfrm>
              <a:off x="7004049"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1" name="Freeform: Shape 38">
              <a:extLst>
                <a:ext uri="{FF2B5EF4-FFF2-40B4-BE49-F238E27FC236}">
                  <a16:creationId xmlns:a16="http://schemas.microsoft.com/office/drawing/2014/main" id="{12DAE196-1932-7E2D-226E-3FBE3767405C}"/>
                </a:ext>
              </a:extLst>
            </p:cNvPr>
            <p:cNvSpPr/>
            <p:nvPr/>
          </p:nvSpPr>
          <p:spPr>
            <a:xfrm>
              <a:off x="7004049"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2" name="Freeform: Shape 39">
              <a:extLst>
                <a:ext uri="{FF2B5EF4-FFF2-40B4-BE49-F238E27FC236}">
                  <a16:creationId xmlns:a16="http://schemas.microsoft.com/office/drawing/2014/main" id="{B134FE3C-A3D4-1953-8EC3-CC2CA4E073A8}"/>
                </a:ext>
              </a:extLst>
            </p:cNvPr>
            <p:cNvSpPr/>
            <p:nvPr/>
          </p:nvSpPr>
          <p:spPr>
            <a:xfrm>
              <a:off x="7004049"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23" name="Freeform: Shape 40">
              <a:extLst>
                <a:ext uri="{FF2B5EF4-FFF2-40B4-BE49-F238E27FC236}">
                  <a16:creationId xmlns:a16="http://schemas.microsoft.com/office/drawing/2014/main" id="{276BE1A4-7D72-1E60-D926-679C963B90CC}"/>
                </a:ext>
              </a:extLst>
            </p:cNvPr>
            <p:cNvSpPr/>
            <p:nvPr/>
          </p:nvSpPr>
          <p:spPr>
            <a:xfrm>
              <a:off x="6348179"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7000 w 87503"/>
                <a:gd name="connsiteY6" fmla="*/ 0 h 87503"/>
                <a:gd name="connsiteX7" fmla="*/ 37000 w 87503"/>
                <a:gd name="connsiteY7" fmla="*/ 36999 h 87503"/>
                <a:gd name="connsiteX8" fmla="*/ 0 w 87503"/>
                <a:gd name="connsiteY8" fmla="*/ 36999 h 87503"/>
                <a:gd name="connsiteX9" fmla="*/ 0 w 87503"/>
                <a:gd name="connsiteY9" fmla="*/ 50504 h 87503"/>
                <a:gd name="connsiteX10" fmla="*/ 37000 w 87503"/>
                <a:gd name="connsiteY10" fmla="*/ 50504 h 87503"/>
                <a:gd name="connsiteX11" fmla="*/ 37000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7000" y="0"/>
                  </a:lnTo>
                  <a:lnTo>
                    <a:pt x="37000" y="36999"/>
                  </a:lnTo>
                  <a:lnTo>
                    <a:pt x="0" y="36999"/>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4" name="Freeform: Shape 41">
              <a:extLst>
                <a:ext uri="{FF2B5EF4-FFF2-40B4-BE49-F238E27FC236}">
                  <a16:creationId xmlns:a16="http://schemas.microsoft.com/office/drawing/2014/main" id="{387CF482-75A9-A5DE-9A67-CF8CFCCCE502}"/>
                </a:ext>
              </a:extLst>
            </p:cNvPr>
            <p:cNvSpPr/>
            <p:nvPr/>
          </p:nvSpPr>
          <p:spPr>
            <a:xfrm>
              <a:off x="6348179"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7000 w 87503"/>
                <a:gd name="connsiteY6" fmla="*/ 0 h 87502"/>
                <a:gd name="connsiteX7" fmla="*/ 37000 w 87503"/>
                <a:gd name="connsiteY7" fmla="*/ 37042 h 87502"/>
                <a:gd name="connsiteX8" fmla="*/ 0 w 87503"/>
                <a:gd name="connsiteY8" fmla="*/ 37042 h 87502"/>
                <a:gd name="connsiteX9" fmla="*/ 0 w 87503"/>
                <a:gd name="connsiteY9" fmla="*/ 50504 h 87502"/>
                <a:gd name="connsiteX10" fmla="*/ 37000 w 87503"/>
                <a:gd name="connsiteY10" fmla="*/ 50504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7000" y="0"/>
                  </a:lnTo>
                  <a:lnTo>
                    <a:pt x="37000" y="37042"/>
                  </a:lnTo>
                  <a:lnTo>
                    <a:pt x="0" y="37042"/>
                  </a:lnTo>
                  <a:lnTo>
                    <a:pt x="0" y="50504"/>
                  </a:lnTo>
                  <a:lnTo>
                    <a:pt x="37000" y="50504"/>
                  </a:lnTo>
                  <a:lnTo>
                    <a:pt x="37000" y="87503"/>
                  </a:lnTo>
                  <a:lnTo>
                    <a:pt x="50462" y="87503"/>
                  </a:lnTo>
                  <a:close/>
                </a:path>
              </a:pathLst>
            </a:custGeom>
            <a:grpFill/>
            <a:ln w="0" cap="flat">
              <a:noFill/>
              <a:prstDash val="solid"/>
              <a:miter/>
            </a:ln>
          </p:spPr>
          <p:txBody>
            <a:bodyPr rtlCol="0" anchor="ctr"/>
            <a:lstStyle/>
            <a:p>
              <a:endParaRPr lang="en-US"/>
            </a:p>
          </p:txBody>
        </p:sp>
        <p:sp>
          <p:nvSpPr>
            <p:cNvPr id="25" name="Freeform: Shape 42">
              <a:extLst>
                <a:ext uri="{FF2B5EF4-FFF2-40B4-BE49-F238E27FC236}">
                  <a16:creationId xmlns:a16="http://schemas.microsoft.com/office/drawing/2014/main" id="{8541C829-CDF3-4FF1-1277-F8178B672298}"/>
                </a:ext>
              </a:extLst>
            </p:cNvPr>
            <p:cNvSpPr/>
            <p:nvPr/>
          </p:nvSpPr>
          <p:spPr>
            <a:xfrm>
              <a:off x="6348179"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7000 w 87503"/>
                <a:gd name="connsiteY6" fmla="*/ 0 h 87502"/>
                <a:gd name="connsiteX7" fmla="*/ 37000 w 87503"/>
                <a:gd name="connsiteY7" fmla="*/ 36999 h 87502"/>
                <a:gd name="connsiteX8" fmla="*/ 0 w 87503"/>
                <a:gd name="connsiteY8" fmla="*/ 36999 h 87502"/>
                <a:gd name="connsiteX9" fmla="*/ 0 w 87503"/>
                <a:gd name="connsiteY9" fmla="*/ 50461 h 87502"/>
                <a:gd name="connsiteX10" fmla="*/ 37000 w 87503"/>
                <a:gd name="connsiteY10" fmla="*/ 50461 h 87502"/>
                <a:gd name="connsiteX11" fmla="*/ 37000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7000" y="0"/>
                  </a:lnTo>
                  <a:lnTo>
                    <a:pt x="37000" y="36999"/>
                  </a:lnTo>
                  <a:lnTo>
                    <a:pt x="0" y="36999"/>
                  </a:lnTo>
                  <a:lnTo>
                    <a:pt x="0" y="50461"/>
                  </a:lnTo>
                  <a:lnTo>
                    <a:pt x="37000" y="50461"/>
                  </a:lnTo>
                  <a:lnTo>
                    <a:pt x="37000" y="87503"/>
                  </a:lnTo>
                  <a:lnTo>
                    <a:pt x="50462" y="87503"/>
                  </a:lnTo>
                  <a:close/>
                </a:path>
              </a:pathLst>
            </a:custGeom>
            <a:grpFill/>
            <a:ln w="0" cap="flat">
              <a:noFill/>
              <a:prstDash val="solid"/>
              <a:miter/>
            </a:ln>
          </p:spPr>
          <p:txBody>
            <a:bodyPr rtlCol="0" anchor="ctr"/>
            <a:lstStyle/>
            <a:p>
              <a:endParaRPr lang="en-US"/>
            </a:p>
          </p:txBody>
        </p:sp>
        <p:sp>
          <p:nvSpPr>
            <p:cNvPr id="26" name="Freeform: Shape 43">
              <a:extLst>
                <a:ext uri="{FF2B5EF4-FFF2-40B4-BE49-F238E27FC236}">
                  <a16:creationId xmlns:a16="http://schemas.microsoft.com/office/drawing/2014/main" id="{4ABA99AD-F758-3D2B-4CE4-B3A2C353A6A1}"/>
                </a:ext>
              </a:extLst>
            </p:cNvPr>
            <p:cNvSpPr/>
            <p:nvPr/>
          </p:nvSpPr>
          <p:spPr>
            <a:xfrm>
              <a:off x="5692267" y="453220"/>
              <a:ext cx="87503" cy="87503"/>
            </a:xfrm>
            <a:custGeom>
              <a:avLst/>
              <a:gdLst>
                <a:gd name="connsiteX0" fmla="*/ 50504 w 87503"/>
                <a:gd name="connsiteY0" fmla="*/ 87503 h 87503"/>
                <a:gd name="connsiteX1" fmla="*/ 50504 w 87503"/>
                <a:gd name="connsiteY1" fmla="*/ 50504 h 87503"/>
                <a:gd name="connsiteX2" fmla="*/ 87503 w 87503"/>
                <a:gd name="connsiteY2" fmla="*/ 50504 h 87503"/>
                <a:gd name="connsiteX3" fmla="*/ 87503 w 87503"/>
                <a:gd name="connsiteY3" fmla="*/ 36999 h 87503"/>
                <a:gd name="connsiteX4" fmla="*/ 50504 w 87503"/>
                <a:gd name="connsiteY4" fmla="*/ 36999 h 87503"/>
                <a:gd name="connsiteX5" fmla="*/ 50504 w 87503"/>
                <a:gd name="connsiteY5" fmla="*/ 0 h 87503"/>
                <a:gd name="connsiteX6" fmla="*/ 37042 w 87503"/>
                <a:gd name="connsiteY6" fmla="*/ 0 h 87503"/>
                <a:gd name="connsiteX7" fmla="*/ 37042 w 87503"/>
                <a:gd name="connsiteY7" fmla="*/ 36999 h 87503"/>
                <a:gd name="connsiteX8" fmla="*/ 0 w 87503"/>
                <a:gd name="connsiteY8" fmla="*/ 36999 h 87503"/>
                <a:gd name="connsiteX9" fmla="*/ 0 w 87503"/>
                <a:gd name="connsiteY9" fmla="*/ 50504 h 87503"/>
                <a:gd name="connsiteX10" fmla="*/ 37042 w 87503"/>
                <a:gd name="connsiteY10" fmla="*/ 50504 h 87503"/>
                <a:gd name="connsiteX11" fmla="*/ 37042 w 87503"/>
                <a:gd name="connsiteY11" fmla="*/ 87503 h 87503"/>
                <a:gd name="connsiteX12" fmla="*/ 50504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504" y="87503"/>
                  </a:moveTo>
                  <a:lnTo>
                    <a:pt x="50504" y="50504"/>
                  </a:lnTo>
                  <a:lnTo>
                    <a:pt x="87503" y="50504"/>
                  </a:lnTo>
                  <a:lnTo>
                    <a:pt x="87503"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7" name="Freeform: Shape 44">
              <a:extLst>
                <a:ext uri="{FF2B5EF4-FFF2-40B4-BE49-F238E27FC236}">
                  <a16:creationId xmlns:a16="http://schemas.microsoft.com/office/drawing/2014/main" id="{D3472476-A9BC-6544-485F-05611BC3C84C}"/>
                </a:ext>
              </a:extLst>
            </p:cNvPr>
            <p:cNvSpPr/>
            <p:nvPr/>
          </p:nvSpPr>
          <p:spPr>
            <a:xfrm>
              <a:off x="5692267" y="1108879"/>
              <a:ext cx="87503" cy="87502"/>
            </a:xfrm>
            <a:custGeom>
              <a:avLst/>
              <a:gdLst>
                <a:gd name="connsiteX0" fmla="*/ 50504 w 87503"/>
                <a:gd name="connsiteY0" fmla="*/ 87503 h 87502"/>
                <a:gd name="connsiteX1" fmla="*/ 50504 w 87503"/>
                <a:gd name="connsiteY1" fmla="*/ 50504 h 87502"/>
                <a:gd name="connsiteX2" fmla="*/ 87503 w 87503"/>
                <a:gd name="connsiteY2" fmla="*/ 50504 h 87502"/>
                <a:gd name="connsiteX3" fmla="*/ 87503 w 87503"/>
                <a:gd name="connsiteY3" fmla="*/ 37042 h 87502"/>
                <a:gd name="connsiteX4" fmla="*/ 50504 w 87503"/>
                <a:gd name="connsiteY4" fmla="*/ 37042 h 87502"/>
                <a:gd name="connsiteX5" fmla="*/ 50504 w 87503"/>
                <a:gd name="connsiteY5" fmla="*/ 0 h 87502"/>
                <a:gd name="connsiteX6" fmla="*/ 37042 w 87503"/>
                <a:gd name="connsiteY6" fmla="*/ 0 h 87502"/>
                <a:gd name="connsiteX7" fmla="*/ 37042 w 87503"/>
                <a:gd name="connsiteY7" fmla="*/ 37042 h 87502"/>
                <a:gd name="connsiteX8" fmla="*/ 0 w 87503"/>
                <a:gd name="connsiteY8" fmla="*/ 37042 h 87502"/>
                <a:gd name="connsiteX9" fmla="*/ 0 w 87503"/>
                <a:gd name="connsiteY9" fmla="*/ 50504 h 87502"/>
                <a:gd name="connsiteX10" fmla="*/ 37042 w 87503"/>
                <a:gd name="connsiteY10" fmla="*/ 50504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504"/>
                  </a:lnTo>
                  <a:lnTo>
                    <a:pt x="87503" y="50504"/>
                  </a:lnTo>
                  <a:lnTo>
                    <a:pt x="87503"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28" name="Freeform: Shape 45">
              <a:extLst>
                <a:ext uri="{FF2B5EF4-FFF2-40B4-BE49-F238E27FC236}">
                  <a16:creationId xmlns:a16="http://schemas.microsoft.com/office/drawing/2014/main" id="{F997EEA7-BBBC-A8BD-17A0-70305320130D}"/>
                </a:ext>
              </a:extLst>
            </p:cNvPr>
            <p:cNvSpPr/>
            <p:nvPr/>
          </p:nvSpPr>
          <p:spPr>
            <a:xfrm>
              <a:off x="5692267" y="1765215"/>
              <a:ext cx="87503" cy="87502"/>
            </a:xfrm>
            <a:custGeom>
              <a:avLst/>
              <a:gdLst>
                <a:gd name="connsiteX0" fmla="*/ 50504 w 87503"/>
                <a:gd name="connsiteY0" fmla="*/ 87503 h 87502"/>
                <a:gd name="connsiteX1" fmla="*/ 50504 w 87503"/>
                <a:gd name="connsiteY1" fmla="*/ 50461 h 87502"/>
                <a:gd name="connsiteX2" fmla="*/ 87503 w 87503"/>
                <a:gd name="connsiteY2" fmla="*/ 50461 h 87502"/>
                <a:gd name="connsiteX3" fmla="*/ 87503 w 87503"/>
                <a:gd name="connsiteY3" fmla="*/ 36999 h 87502"/>
                <a:gd name="connsiteX4" fmla="*/ 50504 w 87503"/>
                <a:gd name="connsiteY4" fmla="*/ 36999 h 87502"/>
                <a:gd name="connsiteX5" fmla="*/ 50504 w 87503"/>
                <a:gd name="connsiteY5" fmla="*/ 0 h 87502"/>
                <a:gd name="connsiteX6" fmla="*/ 37042 w 87503"/>
                <a:gd name="connsiteY6" fmla="*/ 0 h 87502"/>
                <a:gd name="connsiteX7" fmla="*/ 37042 w 87503"/>
                <a:gd name="connsiteY7" fmla="*/ 36999 h 87502"/>
                <a:gd name="connsiteX8" fmla="*/ 0 w 87503"/>
                <a:gd name="connsiteY8" fmla="*/ 36999 h 87502"/>
                <a:gd name="connsiteX9" fmla="*/ 0 w 87503"/>
                <a:gd name="connsiteY9" fmla="*/ 50461 h 87502"/>
                <a:gd name="connsiteX10" fmla="*/ 37042 w 87503"/>
                <a:gd name="connsiteY10" fmla="*/ 50461 h 87502"/>
                <a:gd name="connsiteX11" fmla="*/ 37042 w 87503"/>
                <a:gd name="connsiteY11" fmla="*/ 87503 h 87502"/>
                <a:gd name="connsiteX12" fmla="*/ 50504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504" y="87503"/>
                  </a:moveTo>
                  <a:lnTo>
                    <a:pt x="50504" y="50461"/>
                  </a:lnTo>
                  <a:lnTo>
                    <a:pt x="87503" y="50461"/>
                  </a:lnTo>
                  <a:lnTo>
                    <a:pt x="87503"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31" name="Freeform: Shape 46">
              <a:extLst>
                <a:ext uri="{FF2B5EF4-FFF2-40B4-BE49-F238E27FC236}">
                  <a16:creationId xmlns:a16="http://schemas.microsoft.com/office/drawing/2014/main" id="{3E521D2C-A31F-D55F-6CF8-959668CFD705}"/>
                </a:ext>
              </a:extLst>
            </p:cNvPr>
            <p:cNvSpPr/>
            <p:nvPr/>
          </p:nvSpPr>
          <p:spPr>
            <a:xfrm>
              <a:off x="5036396" y="453220"/>
              <a:ext cx="87503" cy="87503"/>
            </a:xfrm>
            <a:custGeom>
              <a:avLst/>
              <a:gdLst>
                <a:gd name="connsiteX0" fmla="*/ 50462 w 87503"/>
                <a:gd name="connsiteY0" fmla="*/ 87503 h 87503"/>
                <a:gd name="connsiteX1" fmla="*/ 50462 w 87503"/>
                <a:gd name="connsiteY1" fmla="*/ 50504 h 87503"/>
                <a:gd name="connsiteX2" fmla="*/ 87503 w 87503"/>
                <a:gd name="connsiteY2" fmla="*/ 50504 h 87503"/>
                <a:gd name="connsiteX3" fmla="*/ 87503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3" y="50504"/>
                  </a:lnTo>
                  <a:lnTo>
                    <a:pt x="87503"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3" name="Freeform: Shape 47">
              <a:extLst>
                <a:ext uri="{FF2B5EF4-FFF2-40B4-BE49-F238E27FC236}">
                  <a16:creationId xmlns:a16="http://schemas.microsoft.com/office/drawing/2014/main" id="{82AFB595-1BEA-507E-818F-9AA2DAFF6955}"/>
                </a:ext>
              </a:extLst>
            </p:cNvPr>
            <p:cNvSpPr/>
            <p:nvPr/>
          </p:nvSpPr>
          <p:spPr>
            <a:xfrm>
              <a:off x="5036396" y="1108879"/>
              <a:ext cx="87503" cy="87502"/>
            </a:xfrm>
            <a:custGeom>
              <a:avLst/>
              <a:gdLst>
                <a:gd name="connsiteX0" fmla="*/ 50462 w 87503"/>
                <a:gd name="connsiteY0" fmla="*/ 87503 h 87502"/>
                <a:gd name="connsiteX1" fmla="*/ 50462 w 87503"/>
                <a:gd name="connsiteY1" fmla="*/ 50504 h 87502"/>
                <a:gd name="connsiteX2" fmla="*/ 87503 w 87503"/>
                <a:gd name="connsiteY2" fmla="*/ 50504 h 87502"/>
                <a:gd name="connsiteX3" fmla="*/ 87503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3" y="50504"/>
                  </a:lnTo>
                  <a:lnTo>
                    <a:pt x="87503"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34" name="Freeform: Shape 48">
              <a:extLst>
                <a:ext uri="{FF2B5EF4-FFF2-40B4-BE49-F238E27FC236}">
                  <a16:creationId xmlns:a16="http://schemas.microsoft.com/office/drawing/2014/main" id="{2E69F6EF-DA25-0F16-6125-FBA06A20526C}"/>
                </a:ext>
              </a:extLst>
            </p:cNvPr>
            <p:cNvSpPr/>
            <p:nvPr/>
          </p:nvSpPr>
          <p:spPr>
            <a:xfrm>
              <a:off x="5036396" y="1765215"/>
              <a:ext cx="87503" cy="87502"/>
            </a:xfrm>
            <a:custGeom>
              <a:avLst/>
              <a:gdLst>
                <a:gd name="connsiteX0" fmla="*/ 50462 w 87503"/>
                <a:gd name="connsiteY0" fmla="*/ 87503 h 87502"/>
                <a:gd name="connsiteX1" fmla="*/ 50462 w 87503"/>
                <a:gd name="connsiteY1" fmla="*/ 50461 h 87502"/>
                <a:gd name="connsiteX2" fmla="*/ 87503 w 87503"/>
                <a:gd name="connsiteY2" fmla="*/ 50461 h 87502"/>
                <a:gd name="connsiteX3" fmla="*/ 87503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3" y="50461"/>
                  </a:lnTo>
                  <a:lnTo>
                    <a:pt x="87503"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35" name="Freeform: Shape 73">
              <a:extLst>
                <a:ext uri="{FF2B5EF4-FFF2-40B4-BE49-F238E27FC236}">
                  <a16:creationId xmlns:a16="http://schemas.microsoft.com/office/drawing/2014/main" id="{A7156961-F7B9-E25F-7D95-20CF1B246BA6}"/>
                </a:ext>
              </a:extLst>
            </p:cNvPr>
            <p:cNvSpPr/>
            <p:nvPr/>
          </p:nvSpPr>
          <p:spPr>
            <a:xfrm>
              <a:off x="9627658" y="453220"/>
              <a:ext cx="87502" cy="87503"/>
            </a:xfrm>
            <a:custGeom>
              <a:avLst/>
              <a:gdLst>
                <a:gd name="connsiteX0" fmla="*/ 50503 w 87502"/>
                <a:gd name="connsiteY0" fmla="*/ 87503 h 87503"/>
                <a:gd name="connsiteX1" fmla="*/ 50503 w 87502"/>
                <a:gd name="connsiteY1" fmla="*/ 50504 h 87503"/>
                <a:gd name="connsiteX2" fmla="*/ 87503 w 87502"/>
                <a:gd name="connsiteY2" fmla="*/ 50504 h 87503"/>
                <a:gd name="connsiteX3" fmla="*/ 87503 w 87502"/>
                <a:gd name="connsiteY3" fmla="*/ 36999 h 87503"/>
                <a:gd name="connsiteX4" fmla="*/ 50503 w 87502"/>
                <a:gd name="connsiteY4" fmla="*/ 36999 h 87503"/>
                <a:gd name="connsiteX5" fmla="*/ 50503 w 87502"/>
                <a:gd name="connsiteY5" fmla="*/ 0 h 87503"/>
                <a:gd name="connsiteX6" fmla="*/ 37042 w 87502"/>
                <a:gd name="connsiteY6" fmla="*/ 0 h 87503"/>
                <a:gd name="connsiteX7" fmla="*/ 37042 w 87502"/>
                <a:gd name="connsiteY7" fmla="*/ 36999 h 87503"/>
                <a:gd name="connsiteX8" fmla="*/ 0 w 87502"/>
                <a:gd name="connsiteY8" fmla="*/ 36999 h 87503"/>
                <a:gd name="connsiteX9" fmla="*/ 0 w 87502"/>
                <a:gd name="connsiteY9" fmla="*/ 50504 h 87503"/>
                <a:gd name="connsiteX10" fmla="*/ 37042 w 87502"/>
                <a:gd name="connsiteY10" fmla="*/ 50504 h 87503"/>
                <a:gd name="connsiteX11" fmla="*/ 37042 w 87502"/>
                <a:gd name="connsiteY11" fmla="*/ 87503 h 87503"/>
                <a:gd name="connsiteX12" fmla="*/ 50503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503" y="87503"/>
                  </a:moveTo>
                  <a:lnTo>
                    <a:pt x="50503" y="50504"/>
                  </a:lnTo>
                  <a:lnTo>
                    <a:pt x="87503" y="50504"/>
                  </a:lnTo>
                  <a:lnTo>
                    <a:pt x="87503" y="36999"/>
                  </a:lnTo>
                  <a:lnTo>
                    <a:pt x="50503" y="36999"/>
                  </a:lnTo>
                  <a:lnTo>
                    <a:pt x="50503" y="0"/>
                  </a:lnTo>
                  <a:lnTo>
                    <a:pt x="37042" y="0"/>
                  </a:lnTo>
                  <a:lnTo>
                    <a:pt x="37042" y="36999"/>
                  </a:lnTo>
                  <a:lnTo>
                    <a:pt x="0" y="36999"/>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36" name="Freeform: Shape 74">
              <a:extLst>
                <a:ext uri="{FF2B5EF4-FFF2-40B4-BE49-F238E27FC236}">
                  <a16:creationId xmlns:a16="http://schemas.microsoft.com/office/drawing/2014/main" id="{92C574D4-1FC8-F720-B477-19634D6CD7B5}"/>
                </a:ext>
              </a:extLst>
            </p:cNvPr>
            <p:cNvSpPr/>
            <p:nvPr/>
          </p:nvSpPr>
          <p:spPr>
            <a:xfrm>
              <a:off x="9627658" y="1108879"/>
              <a:ext cx="87502" cy="87502"/>
            </a:xfrm>
            <a:custGeom>
              <a:avLst/>
              <a:gdLst>
                <a:gd name="connsiteX0" fmla="*/ 50503 w 87502"/>
                <a:gd name="connsiteY0" fmla="*/ 87503 h 87502"/>
                <a:gd name="connsiteX1" fmla="*/ 50503 w 87502"/>
                <a:gd name="connsiteY1" fmla="*/ 50504 h 87502"/>
                <a:gd name="connsiteX2" fmla="*/ 87503 w 87502"/>
                <a:gd name="connsiteY2" fmla="*/ 50504 h 87502"/>
                <a:gd name="connsiteX3" fmla="*/ 87503 w 87502"/>
                <a:gd name="connsiteY3" fmla="*/ 37042 h 87502"/>
                <a:gd name="connsiteX4" fmla="*/ 50503 w 87502"/>
                <a:gd name="connsiteY4" fmla="*/ 37042 h 87502"/>
                <a:gd name="connsiteX5" fmla="*/ 50503 w 87502"/>
                <a:gd name="connsiteY5" fmla="*/ 0 h 87502"/>
                <a:gd name="connsiteX6" fmla="*/ 37042 w 87502"/>
                <a:gd name="connsiteY6" fmla="*/ 0 h 87502"/>
                <a:gd name="connsiteX7" fmla="*/ 37042 w 87502"/>
                <a:gd name="connsiteY7" fmla="*/ 37042 h 87502"/>
                <a:gd name="connsiteX8" fmla="*/ 0 w 87502"/>
                <a:gd name="connsiteY8" fmla="*/ 37042 h 87502"/>
                <a:gd name="connsiteX9" fmla="*/ 0 w 87502"/>
                <a:gd name="connsiteY9" fmla="*/ 50504 h 87502"/>
                <a:gd name="connsiteX10" fmla="*/ 37042 w 87502"/>
                <a:gd name="connsiteY10" fmla="*/ 50504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504"/>
                  </a:lnTo>
                  <a:lnTo>
                    <a:pt x="87503" y="50504"/>
                  </a:lnTo>
                  <a:lnTo>
                    <a:pt x="87503" y="37042"/>
                  </a:lnTo>
                  <a:lnTo>
                    <a:pt x="50503" y="37042"/>
                  </a:lnTo>
                  <a:lnTo>
                    <a:pt x="50503" y="0"/>
                  </a:lnTo>
                  <a:lnTo>
                    <a:pt x="37042" y="0"/>
                  </a:lnTo>
                  <a:lnTo>
                    <a:pt x="37042" y="37042"/>
                  </a:lnTo>
                  <a:lnTo>
                    <a:pt x="0" y="37042"/>
                  </a:lnTo>
                  <a:lnTo>
                    <a:pt x="0" y="50504"/>
                  </a:lnTo>
                  <a:lnTo>
                    <a:pt x="37042" y="50504"/>
                  </a:lnTo>
                  <a:lnTo>
                    <a:pt x="37042" y="87503"/>
                  </a:lnTo>
                  <a:lnTo>
                    <a:pt x="50503" y="87503"/>
                  </a:lnTo>
                  <a:close/>
                </a:path>
              </a:pathLst>
            </a:custGeom>
            <a:grpFill/>
            <a:ln w="0" cap="flat">
              <a:noFill/>
              <a:prstDash val="solid"/>
              <a:miter/>
            </a:ln>
          </p:spPr>
          <p:txBody>
            <a:bodyPr rtlCol="0" anchor="ctr"/>
            <a:lstStyle/>
            <a:p>
              <a:endParaRPr lang="en-US"/>
            </a:p>
          </p:txBody>
        </p:sp>
        <p:sp>
          <p:nvSpPr>
            <p:cNvPr id="38" name="Freeform: Shape 75">
              <a:extLst>
                <a:ext uri="{FF2B5EF4-FFF2-40B4-BE49-F238E27FC236}">
                  <a16:creationId xmlns:a16="http://schemas.microsoft.com/office/drawing/2014/main" id="{A4F92F3A-EB0D-B25D-465F-F9BA44B093CF}"/>
                </a:ext>
              </a:extLst>
            </p:cNvPr>
            <p:cNvSpPr/>
            <p:nvPr/>
          </p:nvSpPr>
          <p:spPr>
            <a:xfrm>
              <a:off x="9627658" y="1765215"/>
              <a:ext cx="87502" cy="87502"/>
            </a:xfrm>
            <a:custGeom>
              <a:avLst/>
              <a:gdLst>
                <a:gd name="connsiteX0" fmla="*/ 50503 w 87502"/>
                <a:gd name="connsiteY0" fmla="*/ 87503 h 87502"/>
                <a:gd name="connsiteX1" fmla="*/ 50503 w 87502"/>
                <a:gd name="connsiteY1" fmla="*/ 50461 h 87502"/>
                <a:gd name="connsiteX2" fmla="*/ 87503 w 87502"/>
                <a:gd name="connsiteY2" fmla="*/ 50461 h 87502"/>
                <a:gd name="connsiteX3" fmla="*/ 87503 w 87502"/>
                <a:gd name="connsiteY3" fmla="*/ 36999 h 87502"/>
                <a:gd name="connsiteX4" fmla="*/ 50503 w 87502"/>
                <a:gd name="connsiteY4" fmla="*/ 36999 h 87502"/>
                <a:gd name="connsiteX5" fmla="*/ 50503 w 87502"/>
                <a:gd name="connsiteY5" fmla="*/ 0 h 87502"/>
                <a:gd name="connsiteX6" fmla="*/ 37042 w 87502"/>
                <a:gd name="connsiteY6" fmla="*/ 0 h 87502"/>
                <a:gd name="connsiteX7" fmla="*/ 37042 w 87502"/>
                <a:gd name="connsiteY7" fmla="*/ 36999 h 87502"/>
                <a:gd name="connsiteX8" fmla="*/ 0 w 87502"/>
                <a:gd name="connsiteY8" fmla="*/ 36999 h 87502"/>
                <a:gd name="connsiteX9" fmla="*/ 0 w 87502"/>
                <a:gd name="connsiteY9" fmla="*/ 50461 h 87502"/>
                <a:gd name="connsiteX10" fmla="*/ 37042 w 87502"/>
                <a:gd name="connsiteY10" fmla="*/ 50461 h 87502"/>
                <a:gd name="connsiteX11" fmla="*/ 37042 w 87502"/>
                <a:gd name="connsiteY11" fmla="*/ 87503 h 87502"/>
                <a:gd name="connsiteX12" fmla="*/ 50503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503" y="87503"/>
                  </a:moveTo>
                  <a:lnTo>
                    <a:pt x="50503" y="50461"/>
                  </a:lnTo>
                  <a:lnTo>
                    <a:pt x="87503" y="50461"/>
                  </a:lnTo>
                  <a:lnTo>
                    <a:pt x="87503" y="36999"/>
                  </a:lnTo>
                  <a:lnTo>
                    <a:pt x="50503" y="36999"/>
                  </a:lnTo>
                  <a:lnTo>
                    <a:pt x="50503" y="0"/>
                  </a:lnTo>
                  <a:lnTo>
                    <a:pt x="37042" y="0"/>
                  </a:lnTo>
                  <a:lnTo>
                    <a:pt x="37042" y="36999"/>
                  </a:lnTo>
                  <a:lnTo>
                    <a:pt x="0" y="36999"/>
                  </a:lnTo>
                  <a:lnTo>
                    <a:pt x="0" y="50461"/>
                  </a:lnTo>
                  <a:lnTo>
                    <a:pt x="37042" y="50461"/>
                  </a:lnTo>
                  <a:lnTo>
                    <a:pt x="37042" y="87503"/>
                  </a:lnTo>
                  <a:lnTo>
                    <a:pt x="50503" y="87503"/>
                  </a:lnTo>
                  <a:close/>
                </a:path>
              </a:pathLst>
            </a:custGeom>
            <a:grpFill/>
            <a:ln w="0" cap="flat">
              <a:noFill/>
              <a:prstDash val="solid"/>
              <a:miter/>
            </a:ln>
          </p:spPr>
          <p:txBody>
            <a:bodyPr rtlCol="0" anchor="ctr"/>
            <a:lstStyle/>
            <a:p>
              <a:endParaRPr lang="en-US"/>
            </a:p>
          </p:txBody>
        </p:sp>
        <p:sp>
          <p:nvSpPr>
            <p:cNvPr id="39" name="Freeform: Shape 76">
              <a:extLst>
                <a:ext uri="{FF2B5EF4-FFF2-40B4-BE49-F238E27FC236}">
                  <a16:creationId xmlns:a16="http://schemas.microsoft.com/office/drawing/2014/main" id="{394E4107-117E-1B3E-B77A-89058813F362}"/>
                </a:ext>
              </a:extLst>
            </p:cNvPr>
            <p:cNvSpPr/>
            <p:nvPr/>
          </p:nvSpPr>
          <p:spPr>
            <a:xfrm>
              <a:off x="10283570" y="453220"/>
              <a:ext cx="87546" cy="87503"/>
            </a:xfrm>
            <a:custGeom>
              <a:avLst/>
              <a:gdLst>
                <a:gd name="connsiteX0" fmla="*/ 50504 w 87546"/>
                <a:gd name="connsiteY0" fmla="*/ 87503 h 87503"/>
                <a:gd name="connsiteX1" fmla="*/ 50504 w 87546"/>
                <a:gd name="connsiteY1" fmla="*/ 50504 h 87503"/>
                <a:gd name="connsiteX2" fmla="*/ 87546 w 87546"/>
                <a:gd name="connsiteY2" fmla="*/ 50504 h 87503"/>
                <a:gd name="connsiteX3" fmla="*/ 87546 w 87546"/>
                <a:gd name="connsiteY3" fmla="*/ 36999 h 87503"/>
                <a:gd name="connsiteX4" fmla="*/ 50504 w 87546"/>
                <a:gd name="connsiteY4" fmla="*/ 36999 h 87503"/>
                <a:gd name="connsiteX5" fmla="*/ 50504 w 87546"/>
                <a:gd name="connsiteY5" fmla="*/ 0 h 87503"/>
                <a:gd name="connsiteX6" fmla="*/ 37042 w 87546"/>
                <a:gd name="connsiteY6" fmla="*/ 0 h 87503"/>
                <a:gd name="connsiteX7" fmla="*/ 37042 w 87546"/>
                <a:gd name="connsiteY7" fmla="*/ 36999 h 87503"/>
                <a:gd name="connsiteX8" fmla="*/ 0 w 87546"/>
                <a:gd name="connsiteY8" fmla="*/ 36999 h 87503"/>
                <a:gd name="connsiteX9" fmla="*/ 0 w 87546"/>
                <a:gd name="connsiteY9" fmla="*/ 50504 h 87503"/>
                <a:gd name="connsiteX10" fmla="*/ 37042 w 87546"/>
                <a:gd name="connsiteY10" fmla="*/ 50504 h 87503"/>
                <a:gd name="connsiteX11" fmla="*/ 37042 w 87546"/>
                <a:gd name="connsiteY11" fmla="*/ 87503 h 87503"/>
                <a:gd name="connsiteX12" fmla="*/ 50504 w 87546"/>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3">
                  <a:moveTo>
                    <a:pt x="50504" y="87503"/>
                  </a:moveTo>
                  <a:lnTo>
                    <a:pt x="50504" y="50504"/>
                  </a:lnTo>
                  <a:lnTo>
                    <a:pt x="87546" y="50504"/>
                  </a:lnTo>
                  <a:lnTo>
                    <a:pt x="87546" y="36999"/>
                  </a:lnTo>
                  <a:lnTo>
                    <a:pt x="50504" y="36999"/>
                  </a:lnTo>
                  <a:lnTo>
                    <a:pt x="50504" y="0"/>
                  </a:lnTo>
                  <a:lnTo>
                    <a:pt x="37042" y="0"/>
                  </a:lnTo>
                  <a:lnTo>
                    <a:pt x="37042" y="36999"/>
                  </a:lnTo>
                  <a:lnTo>
                    <a:pt x="0" y="36999"/>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dirty="0"/>
            </a:p>
          </p:txBody>
        </p:sp>
        <p:sp>
          <p:nvSpPr>
            <p:cNvPr id="40" name="Freeform: Shape 77">
              <a:extLst>
                <a:ext uri="{FF2B5EF4-FFF2-40B4-BE49-F238E27FC236}">
                  <a16:creationId xmlns:a16="http://schemas.microsoft.com/office/drawing/2014/main" id="{51890FBA-92DE-0C6B-510D-8A2221D197CA}"/>
                </a:ext>
              </a:extLst>
            </p:cNvPr>
            <p:cNvSpPr/>
            <p:nvPr/>
          </p:nvSpPr>
          <p:spPr>
            <a:xfrm>
              <a:off x="10283570" y="1108879"/>
              <a:ext cx="87546" cy="87502"/>
            </a:xfrm>
            <a:custGeom>
              <a:avLst/>
              <a:gdLst>
                <a:gd name="connsiteX0" fmla="*/ 50504 w 87546"/>
                <a:gd name="connsiteY0" fmla="*/ 87503 h 87502"/>
                <a:gd name="connsiteX1" fmla="*/ 50504 w 87546"/>
                <a:gd name="connsiteY1" fmla="*/ 50504 h 87502"/>
                <a:gd name="connsiteX2" fmla="*/ 87546 w 87546"/>
                <a:gd name="connsiteY2" fmla="*/ 50504 h 87502"/>
                <a:gd name="connsiteX3" fmla="*/ 87546 w 87546"/>
                <a:gd name="connsiteY3" fmla="*/ 37042 h 87502"/>
                <a:gd name="connsiteX4" fmla="*/ 50504 w 87546"/>
                <a:gd name="connsiteY4" fmla="*/ 37042 h 87502"/>
                <a:gd name="connsiteX5" fmla="*/ 50504 w 87546"/>
                <a:gd name="connsiteY5" fmla="*/ 0 h 87502"/>
                <a:gd name="connsiteX6" fmla="*/ 37042 w 87546"/>
                <a:gd name="connsiteY6" fmla="*/ 0 h 87502"/>
                <a:gd name="connsiteX7" fmla="*/ 37042 w 87546"/>
                <a:gd name="connsiteY7" fmla="*/ 37042 h 87502"/>
                <a:gd name="connsiteX8" fmla="*/ 0 w 87546"/>
                <a:gd name="connsiteY8" fmla="*/ 37042 h 87502"/>
                <a:gd name="connsiteX9" fmla="*/ 0 w 87546"/>
                <a:gd name="connsiteY9" fmla="*/ 50504 h 87502"/>
                <a:gd name="connsiteX10" fmla="*/ 37042 w 87546"/>
                <a:gd name="connsiteY10" fmla="*/ 50504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504"/>
                  </a:lnTo>
                  <a:lnTo>
                    <a:pt x="87546" y="50504"/>
                  </a:lnTo>
                  <a:lnTo>
                    <a:pt x="87546" y="37042"/>
                  </a:lnTo>
                  <a:lnTo>
                    <a:pt x="50504" y="37042"/>
                  </a:lnTo>
                  <a:lnTo>
                    <a:pt x="50504" y="0"/>
                  </a:lnTo>
                  <a:lnTo>
                    <a:pt x="37042" y="0"/>
                  </a:lnTo>
                  <a:lnTo>
                    <a:pt x="37042" y="37042"/>
                  </a:lnTo>
                  <a:lnTo>
                    <a:pt x="0" y="37042"/>
                  </a:lnTo>
                  <a:lnTo>
                    <a:pt x="0" y="50504"/>
                  </a:lnTo>
                  <a:lnTo>
                    <a:pt x="37042" y="50504"/>
                  </a:lnTo>
                  <a:lnTo>
                    <a:pt x="37042" y="87503"/>
                  </a:lnTo>
                  <a:lnTo>
                    <a:pt x="50504" y="87503"/>
                  </a:lnTo>
                  <a:close/>
                </a:path>
              </a:pathLst>
            </a:custGeom>
            <a:grpFill/>
            <a:ln w="0" cap="flat">
              <a:noFill/>
              <a:prstDash val="solid"/>
              <a:miter/>
            </a:ln>
          </p:spPr>
          <p:txBody>
            <a:bodyPr rtlCol="0" anchor="ctr"/>
            <a:lstStyle/>
            <a:p>
              <a:endParaRPr lang="en-US"/>
            </a:p>
          </p:txBody>
        </p:sp>
        <p:sp>
          <p:nvSpPr>
            <p:cNvPr id="41" name="Freeform: Shape 78">
              <a:extLst>
                <a:ext uri="{FF2B5EF4-FFF2-40B4-BE49-F238E27FC236}">
                  <a16:creationId xmlns:a16="http://schemas.microsoft.com/office/drawing/2014/main" id="{9A75FC8A-3E98-1197-EB31-D40169955666}"/>
                </a:ext>
              </a:extLst>
            </p:cNvPr>
            <p:cNvSpPr/>
            <p:nvPr/>
          </p:nvSpPr>
          <p:spPr>
            <a:xfrm>
              <a:off x="10283570" y="1765215"/>
              <a:ext cx="87546" cy="87502"/>
            </a:xfrm>
            <a:custGeom>
              <a:avLst/>
              <a:gdLst>
                <a:gd name="connsiteX0" fmla="*/ 50504 w 87546"/>
                <a:gd name="connsiteY0" fmla="*/ 87503 h 87502"/>
                <a:gd name="connsiteX1" fmla="*/ 50504 w 87546"/>
                <a:gd name="connsiteY1" fmla="*/ 50461 h 87502"/>
                <a:gd name="connsiteX2" fmla="*/ 87546 w 87546"/>
                <a:gd name="connsiteY2" fmla="*/ 50461 h 87502"/>
                <a:gd name="connsiteX3" fmla="*/ 87546 w 87546"/>
                <a:gd name="connsiteY3" fmla="*/ 36999 h 87502"/>
                <a:gd name="connsiteX4" fmla="*/ 50504 w 87546"/>
                <a:gd name="connsiteY4" fmla="*/ 36999 h 87502"/>
                <a:gd name="connsiteX5" fmla="*/ 50504 w 87546"/>
                <a:gd name="connsiteY5" fmla="*/ 0 h 87502"/>
                <a:gd name="connsiteX6" fmla="*/ 37042 w 87546"/>
                <a:gd name="connsiteY6" fmla="*/ 0 h 87502"/>
                <a:gd name="connsiteX7" fmla="*/ 37042 w 87546"/>
                <a:gd name="connsiteY7" fmla="*/ 36999 h 87502"/>
                <a:gd name="connsiteX8" fmla="*/ 0 w 87546"/>
                <a:gd name="connsiteY8" fmla="*/ 36999 h 87502"/>
                <a:gd name="connsiteX9" fmla="*/ 0 w 87546"/>
                <a:gd name="connsiteY9" fmla="*/ 50461 h 87502"/>
                <a:gd name="connsiteX10" fmla="*/ 37042 w 87546"/>
                <a:gd name="connsiteY10" fmla="*/ 50461 h 87502"/>
                <a:gd name="connsiteX11" fmla="*/ 37042 w 87546"/>
                <a:gd name="connsiteY11" fmla="*/ 87503 h 87502"/>
                <a:gd name="connsiteX12" fmla="*/ 50504 w 87546"/>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46" h="87502">
                  <a:moveTo>
                    <a:pt x="50504" y="87503"/>
                  </a:moveTo>
                  <a:lnTo>
                    <a:pt x="50504" y="50461"/>
                  </a:lnTo>
                  <a:lnTo>
                    <a:pt x="87546" y="50461"/>
                  </a:lnTo>
                  <a:lnTo>
                    <a:pt x="87546" y="36999"/>
                  </a:lnTo>
                  <a:lnTo>
                    <a:pt x="50504" y="36999"/>
                  </a:lnTo>
                  <a:lnTo>
                    <a:pt x="50504" y="0"/>
                  </a:lnTo>
                  <a:lnTo>
                    <a:pt x="37042" y="0"/>
                  </a:lnTo>
                  <a:lnTo>
                    <a:pt x="37042" y="36999"/>
                  </a:lnTo>
                  <a:lnTo>
                    <a:pt x="0" y="36999"/>
                  </a:lnTo>
                  <a:lnTo>
                    <a:pt x="0" y="50461"/>
                  </a:lnTo>
                  <a:lnTo>
                    <a:pt x="37042" y="50461"/>
                  </a:lnTo>
                  <a:lnTo>
                    <a:pt x="37042" y="87503"/>
                  </a:lnTo>
                  <a:lnTo>
                    <a:pt x="50504" y="87503"/>
                  </a:lnTo>
                  <a:close/>
                </a:path>
              </a:pathLst>
            </a:custGeom>
            <a:grpFill/>
            <a:ln w="0" cap="flat">
              <a:noFill/>
              <a:prstDash val="solid"/>
              <a:miter/>
            </a:ln>
          </p:spPr>
          <p:txBody>
            <a:bodyPr rtlCol="0" anchor="ctr"/>
            <a:lstStyle/>
            <a:p>
              <a:endParaRPr lang="en-US"/>
            </a:p>
          </p:txBody>
        </p:sp>
        <p:sp>
          <p:nvSpPr>
            <p:cNvPr id="42" name="Freeform: Shape 79">
              <a:extLst>
                <a:ext uri="{FF2B5EF4-FFF2-40B4-BE49-F238E27FC236}">
                  <a16:creationId xmlns:a16="http://schemas.microsoft.com/office/drawing/2014/main" id="{600C2E02-93A4-9282-20C3-905C210E2AD5}"/>
                </a:ext>
              </a:extLst>
            </p:cNvPr>
            <p:cNvSpPr/>
            <p:nvPr/>
          </p:nvSpPr>
          <p:spPr>
            <a:xfrm>
              <a:off x="10939525" y="453220"/>
              <a:ext cx="87503" cy="87503"/>
            </a:xfrm>
            <a:custGeom>
              <a:avLst/>
              <a:gdLst>
                <a:gd name="connsiteX0" fmla="*/ 50462 w 87503"/>
                <a:gd name="connsiteY0" fmla="*/ 87503 h 87503"/>
                <a:gd name="connsiteX1" fmla="*/ 50462 w 87503"/>
                <a:gd name="connsiteY1" fmla="*/ 50504 h 87503"/>
                <a:gd name="connsiteX2" fmla="*/ 87504 w 87503"/>
                <a:gd name="connsiteY2" fmla="*/ 50504 h 87503"/>
                <a:gd name="connsiteX3" fmla="*/ 87504 w 87503"/>
                <a:gd name="connsiteY3" fmla="*/ 36999 h 87503"/>
                <a:gd name="connsiteX4" fmla="*/ 50462 w 87503"/>
                <a:gd name="connsiteY4" fmla="*/ 36999 h 87503"/>
                <a:gd name="connsiteX5" fmla="*/ 50462 w 87503"/>
                <a:gd name="connsiteY5" fmla="*/ 0 h 87503"/>
                <a:gd name="connsiteX6" fmla="*/ 36999 w 87503"/>
                <a:gd name="connsiteY6" fmla="*/ 0 h 87503"/>
                <a:gd name="connsiteX7" fmla="*/ 36999 w 87503"/>
                <a:gd name="connsiteY7" fmla="*/ 36999 h 87503"/>
                <a:gd name="connsiteX8" fmla="*/ 0 w 87503"/>
                <a:gd name="connsiteY8" fmla="*/ 36999 h 87503"/>
                <a:gd name="connsiteX9" fmla="*/ 0 w 87503"/>
                <a:gd name="connsiteY9" fmla="*/ 50504 h 87503"/>
                <a:gd name="connsiteX10" fmla="*/ 36999 w 87503"/>
                <a:gd name="connsiteY10" fmla="*/ 50504 h 87503"/>
                <a:gd name="connsiteX11" fmla="*/ 36999 w 87503"/>
                <a:gd name="connsiteY11" fmla="*/ 87503 h 87503"/>
                <a:gd name="connsiteX12" fmla="*/ 50462 w 87503"/>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3">
                  <a:moveTo>
                    <a:pt x="50462" y="87503"/>
                  </a:moveTo>
                  <a:lnTo>
                    <a:pt x="50462" y="50504"/>
                  </a:lnTo>
                  <a:lnTo>
                    <a:pt x="87504" y="50504"/>
                  </a:lnTo>
                  <a:lnTo>
                    <a:pt x="87504" y="36999"/>
                  </a:lnTo>
                  <a:lnTo>
                    <a:pt x="50462" y="36999"/>
                  </a:lnTo>
                  <a:lnTo>
                    <a:pt x="50462" y="0"/>
                  </a:lnTo>
                  <a:lnTo>
                    <a:pt x="36999" y="0"/>
                  </a:lnTo>
                  <a:lnTo>
                    <a:pt x="36999" y="36999"/>
                  </a:lnTo>
                  <a:lnTo>
                    <a:pt x="0" y="36999"/>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3" name="Freeform: Shape 80">
              <a:extLst>
                <a:ext uri="{FF2B5EF4-FFF2-40B4-BE49-F238E27FC236}">
                  <a16:creationId xmlns:a16="http://schemas.microsoft.com/office/drawing/2014/main" id="{EA2E2928-67AF-018D-0B1D-1F3D7412EAE0}"/>
                </a:ext>
              </a:extLst>
            </p:cNvPr>
            <p:cNvSpPr/>
            <p:nvPr/>
          </p:nvSpPr>
          <p:spPr>
            <a:xfrm>
              <a:off x="10939525" y="1108879"/>
              <a:ext cx="87503" cy="87502"/>
            </a:xfrm>
            <a:custGeom>
              <a:avLst/>
              <a:gdLst>
                <a:gd name="connsiteX0" fmla="*/ 50462 w 87503"/>
                <a:gd name="connsiteY0" fmla="*/ 87503 h 87502"/>
                <a:gd name="connsiteX1" fmla="*/ 50462 w 87503"/>
                <a:gd name="connsiteY1" fmla="*/ 50504 h 87502"/>
                <a:gd name="connsiteX2" fmla="*/ 87504 w 87503"/>
                <a:gd name="connsiteY2" fmla="*/ 50504 h 87502"/>
                <a:gd name="connsiteX3" fmla="*/ 87504 w 87503"/>
                <a:gd name="connsiteY3" fmla="*/ 37042 h 87502"/>
                <a:gd name="connsiteX4" fmla="*/ 50462 w 87503"/>
                <a:gd name="connsiteY4" fmla="*/ 37042 h 87502"/>
                <a:gd name="connsiteX5" fmla="*/ 50462 w 87503"/>
                <a:gd name="connsiteY5" fmla="*/ 0 h 87502"/>
                <a:gd name="connsiteX6" fmla="*/ 36999 w 87503"/>
                <a:gd name="connsiteY6" fmla="*/ 0 h 87502"/>
                <a:gd name="connsiteX7" fmla="*/ 36999 w 87503"/>
                <a:gd name="connsiteY7" fmla="*/ 37042 h 87502"/>
                <a:gd name="connsiteX8" fmla="*/ 0 w 87503"/>
                <a:gd name="connsiteY8" fmla="*/ 37042 h 87502"/>
                <a:gd name="connsiteX9" fmla="*/ 0 w 87503"/>
                <a:gd name="connsiteY9" fmla="*/ 50504 h 87502"/>
                <a:gd name="connsiteX10" fmla="*/ 36999 w 87503"/>
                <a:gd name="connsiteY10" fmla="*/ 50504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504"/>
                  </a:lnTo>
                  <a:lnTo>
                    <a:pt x="87504" y="50504"/>
                  </a:lnTo>
                  <a:lnTo>
                    <a:pt x="87504" y="37042"/>
                  </a:lnTo>
                  <a:lnTo>
                    <a:pt x="50462" y="37042"/>
                  </a:lnTo>
                  <a:lnTo>
                    <a:pt x="50462" y="0"/>
                  </a:lnTo>
                  <a:lnTo>
                    <a:pt x="36999" y="0"/>
                  </a:lnTo>
                  <a:lnTo>
                    <a:pt x="36999" y="37042"/>
                  </a:lnTo>
                  <a:lnTo>
                    <a:pt x="0" y="37042"/>
                  </a:lnTo>
                  <a:lnTo>
                    <a:pt x="0" y="50504"/>
                  </a:lnTo>
                  <a:lnTo>
                    <a:pt x="36999" y="50504"/>
                  </a:lnTo>
                  <a:lnTo>
                    <a:pt x="36999" y="87503"/>
                  </a:lnTo>
                  <a:lnTo>
                    <a:pt x="50462" y="87503"/>
                  </a:lnTo>
                  <a:close/>
                </a:path>
              </a:pathLst>
            </a:custGeom>
            <a:grpFill/>
            <a:ln w="0" cap="flat">
              <a:noFill/>
              <a:prstDash val="solid"/>
              <a:miter/>
            </a:ln>
          </p:spPr>
          <p:txBody>
            <a:bodyPr rtlCol="0" anchor="ctr"/>
            <a:lstStyle/>
            <a:p>
              <a:endParaRPr lang="en-US"/>
            </a:p>
          </p:txBody>
        </p:sp>
        <p:sp>
          <p:nvSpPr>
            <p:cNvPr id="44" name="Freeform: Shape 81">
              <a:extLst>
                <a:ext uri="{FF2B5EF4-FFF2-40B4-BE49-F238E27FC236}">
                  <a16:creationId xmlns:a16="http://schemas.microsoft.com/office/drawing/2014/main" id="{E810929C-BD01-A4D2-6FD6-DE2ACFCA29B7}"/>
                </a:ext>
              </a:extLst>
            </p:cNvPr>
            <p:cNvSpPr/>
            <p:nvPr/>
          </p:nvSpPr>
          <p:spPr>
            <a:xfrm>
              <a:off x="10939525" y="1765215"/>
              <a:ext cx="87503" cy="87502"/>
            </a:xfrm>
            <a:custGeom>
              <a:avLst/>
              <a:gdLst>
                <a:gd name="connsiteX0" fmla="*/ 50462 w 87503"/>
                <a:gd name="connsiteY0" fmla="*/ 87503 h 87502"/>
                <a:gd name="connsiteX1" fmla="*/ 50462 w 87503"/>
                <a:gd name="connsiteY1" fmla="*/ 50461 h 87502"/>
                <a:gd name="connsiteX2" fmla="*/ 87504 w 87503"/>
                <a:gd name="connsiteY2" fmla="*/ 50461 h 87502"/>
                <a:gd name="connsiteX3" fmla="*/ 87504 w 87503"/>
                <a:gd name="connsiteY3" fmla="*/ 36999 h 87502"/>
                <a:gd name="connsiteX4" fmla="*/ 50462 w 87503"/>
                <a:gd name="connsiteY4" fmla="*/ 36999 h 87502"/>
                <a:gd name="connsiteX5" fmla="*/ 50462 w 87503"/>
                <a:gd name="connsiteY5" fmla="*/ 0 h 87502"/>
                <a:gd name="connsiteX6" fmla="*/ 36999 w 87503"/>
                <a:gd name="connsiteY6" fmla="*/ 0 h 87502"/>
                <a:gd name="connsiteX7" fmla="*/ 36999 w 87503"/>
                <a:gd name="connsiteY7" fmla="*/ 36999 h 87502"/>
                <a:gd name="connsiteX8" fmla="*/ 0 w 87503"/>
                <a:gd name="connsiteY8" fmla="*/ 36999 h 87502"/>
                <a:gd name="connsiteX9" fmla="*/ 0 w 87503"/>
                <a:gd name="connsiteY9" fmla="*/ 50461 h 87502"/>
                <a:gd name="connsiteX10" fmla="*/ 36999 w 87503"/>
                <a:gd name="connsiteY10" fmla="*/ 50461 h 87502"/>
                <a:gd name="connsiteX11" fmla="*/ 36999 w 87503"/>
                <a:gd name="connsiteY11" fmla="*/ 87503 h 87502"/>
                <a:gd name="connsiteX12" fmla="*/ 50462 w 87503"/>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3" h="87502">
                  <a:moveTo>
                    <a:pt x="50462" y="87503"/>
                  </a:moveTo>
                  <a:lnTo>
                    <a:pt x="50462" y="50461"/>
                  </a:lnTo>
                  <a:lnTo>
                    <a:pt x="87504" y="50461"/>
                  </a:lnTo>
                  <a:lnTo>
                    <a:pt x="87504" y="36999"/>
                  </a:lnTo>
                  <a:lnTo>
                    <a:pt x="50462" y="36999"/>
                  </a:lnTo>
                  <a:lnTo>
                    <a:pt x="50462" y="0"/>
                  </a:lnTo>
                  <a:lnTo>
                    <a:pt x="36999" y="0"/>
                  </a:lnTo>
                  <a:lnTo>
                    <a:pt x="36999" y="36999"/>
                  </a:lnTo>
                  <a:lnTo>
                    <a:pt x="0" y="36999"/>
                  </a:lnTo>
                  <a:lnTo>
                    <a:pt x="0" y="50461"/>
                  </a:lnTo>
                  <a:lnTo>
                    <a:pt x="36999" y="50461"/>
                  </a:lnTo>
                  <a:lnTo>
                    <a:pt x="36999" y="87503"/>
                  </a:lnTo>
                  <a:lnTo>
                    <a:pt x="50462" y="87503"/>
                  </a:lnTo>
                  <a:close/>
                </a:path>
              </a:pathLst>
            </a:custGeom>
            <a:grpFill/>
            <a:ln w="0" cap="flat">
              <a:noFill/>
              <a:prstDash val="solid"/>
              <a:miter/>
            </a:ln>
          </p:spPr>
          <p:txBody>
            <a:bodyPr rtlCol="0" anchor="ctr"/>
            <a:lstStyle/>
            <a:p>
              <a:endParaRPr lang="en-US"/>
            </a:p>
          </p:txBody>
        </p:sp>
        <p:sp>
          <p:nvSpPr>
            <p:cNvPr id="45" name="Freeform: Shape 82">
              <a:extLst>
                <a:ext uri="{FF2B5EF4-FFF2-40B4-BE49-F238E27FC236}">
                  <a16:creationId xmlns:a16="http://schemas.microsoft.com/office/drawing/2014/main" id="{E876733A-43D8-477B-A96E-F851BB85FA09}"/>
                </a:ext>
              </a:extLst>
            </p:cNvPr>
            <p:cNvSpPr/>
            <p:nvPr/>
          </p:nvSpPr>
          <p:spPr>
            <a:xfrm>
              <a:off x="11595438" y="453220"/>
              <a:ext cx="87502" cy="87503"/>
            </a:xfrm>
            <a:custGeom>
              <a:avLst/>
              <a:gdLst>
                <a:gd name="connsiteX0" fmla="*/ 50461 w 87502"/>
                <a:gd name="connsiteY0" fmla="*/ 87503 h 87503"/>
                <a:gd name="connsiteX1" fmla="*/ 50461 w 87502"/>
                <a:gd name="connsiteY1" fmla="*/ 50504 h 87503"/>
                <a:gd name="connsiteX2" fmla="*/ 87503 w 87502"/>
                <a:gd name="connsiteY2" fmla="*/ 50504 h 87503"/>
                <a:gd name="connsiteX3" fmla="*/ 87503 w 87502"/>
                <a:gd name="connsiteY3" fmla="*/ 36999 h 87503"/>
                <a:gd name="connsiteX4" fmla="*/ 50461 w 87502"/>
                <a:gd name="connsiteY4" fmla="*/ 36999 h 87503"/>
                <a:gd name="connsiteX5" fmla="*/ 50461 w 87502"/>
                <a:gd name="connsiteY5" fmla="*/ 0 h 87503"/>
                <a:gd name="connsiteX6" fmla="*/ 36999 w 87502"/>
                <a:gd name="connsiteY6" fmla="*/ 0 h 87503"/>
                <a:gd name="connsiteX7" fmla="*/ 36999 w 87502"/>
                <a:gd name="connsiteY7" fmla="*/ 36999 h 87503"/>
                <a:gd name="connsiteX8" fmla="*/ 0 w 87502"/>
                <a:gd name="connsiteY8" fmla="*/ 36999 h 87503"/>
                <a:gd name="connsiteX9" fmla="*/ 0 w 87502"/>
                <a:gd name="connsiteY9" fmla="*/ 50504 h 87503"/>
                <a:gd name="connsiteX10" fmla="*/ 36999 w 87502"/>
                <a:gd name="connsiteY10" fmla="*/ 50504 h 87503"/>
                <a:gd name="connsiteX11" fmla="*/ 36999 w 87502"/>
                <a:gd name="connsiteY11" fmla="*/ 87503 h 87503"/>
                <a:gd name="connsiteX12" fmla="*/ 50461 w 87502"/>
                <a:gd name="connsiteY12" fmla="*/ 87503 h 875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3">
                  <a:moveTo>
                    <a:pt x="50461" y="87503"/>
                  </a:moveTo>
                  <a:lnTo>
                    <a:pt x="50461" y="50504"/>
                  </a:lnTo>
                  <a:lnTo>
                    <a:pt x="87503" y="50504"/>
                  </a:lnTo>
                  <a:lnTo>
                    <a:pt x="87503" y="36999"/>
                  </a:lnTo>
                  <a:lnTo>
                    <a:pt x="50461" y="36999"/>
                  </a:lnTo>
                  <a:lnTo>
                    <a:pt x="50461" y="0"/>
                  </a:lnTo>
                  <a:lnTo>
                    <a:pt x="36999" y="0"/>
                  </a:lnTo>
                  <a:lnTo>
                    <a:pt x="36999" y="36999"/>
                  </a:lnTo>
                  <a:lnTo>
                    <a:pt x="0" y="36999"/>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6" name="Freeform: Shape 83">
              <a:extLst>
                <a:ext uri="{FF2B5EF4-FFF2-40B4-BE49-F238E27FC236}">
                  <a16:creationId xmlns:a16="http://schemas.microsoft.com/office/drawing/2014/main" id="{B538D559-99CF-250C-40FB-AC5021270E05}"/>
                </a:ext>
              </a:extLst>
            </p:cNvPr>
            <p:cNvSpPr/>
            <p:nvPr/>
          </p:nvSpPr>
          <p:spPr>
            <a:xfrm>
              <a:off x="11595438" y="1108879"/>
              <a:ext cx="87502" cy="87502"/>
            </a:xfrm>
            <a:custGeom>
              <a:avLst/>
              <a:gdLst>
                <a:gd name="connsiteX0" fmla="*/ 50461 w 87502"/>
                <a:gd name="connsiteY0" fmla="*/ 87503 h 87502"/>
                <a:gd name="connsiteX1" fmla="*/ 50461 w 87502"/>
                <a:gd name="connsiteY1" fmla="*/ 50504 h 87502"/>
                <a:gd name="connsiteX2" fmla="*/ 87503 w 87502"/>
                <a:gd name="connsiteY2" fmla="*/ 50504 h 87502"/>
                <a:gd name="connsiteX3" fmla="*/ 87503 w 87502"/>
                <a:gd name="connsiteY3" fmla="*/ 37042 h 87502"/>
                <a:gd name="connsiteX4" fmla="*/ 50461 w 87502"/>
                <a:gd name="connsiteY4" fmla="*/ 37042 h 87502"/>
                <a:gd name="connsiteX5" fmla="*/ 50461 w 87502"/>
                <a:gd name="connsiteY5" fmla="*/ 0 h 87502"/>
                <a:gd name="connsiteX6" fmla="*/ 36999 w 87502"/>
                <a:gd name="connsiteY6" fmla="*/ 0 h 87502"/>
                <a:gd name="connsiteX7" fmla="*/ 36999 w 87502"/>
                <a:gd name="connsiteY7" fmla="*/ 37042 h 87502"/>
                <a:gd name="connsiteX8" fmla="*/ 0 w 87502"/>
                <a:gd name="connsiteY8" fmla="*/ 37042 h 87502"/>
                <a:gd name="connsiteX9" fmla="*/ 0 w 87502"/>
                <a:gd name="connsiteY9" fmla="*/ 50504 h 87502"/>
                <a:gd name="connsiteX10" fmla="*/ 36999 w 87502"/>
                <a:gd name="connsiteY10" fmla="*/ 50504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504"/>
                  </a:lnTo>
                  <a:lnTo>
                    <a:pt x="87503" y="50504"/>
                  </a:lnTo>
                  <a:lnTo>
                    <a:pt x="87503" y="37042"/>
                  </a:lnTo>
                  <a:lnTo>
                    <a:pt x="50461" y="37042"/>
                  </a:lnTo>
                  <a:lnTo>
                    <a:pt x="50461" y="0"/>
                  </a:lnTo>
                  <a:lnTo>
                    <a:pt x="36999" y="0"/>
                  </a:lnTo>
                  <a:lnTo>
                    <a:pt x="36999" y="37042"/>
                  </a:lnTo>
                  <a:lnTo>
                    <a:pt x="0" y="37042"/>
                  </a:lnTo>
                  <a:lnTo>
                    <a:pt x="0" y="50504"/>
                  </a:lnTo>
                  <a:lnTo>
                    <a:pt x="36999" y="50504"/>
                  </a:lnTo>
                  <a:lnTo>
                    <a:pt x="36999" y="87503"/>
                  </a:lnTo>
                  <a:lnTo>
                    <a:pt x="50461" y="87503"/>
                  </a:lnTo>
                  <a:close/>
                </a:path>
              </a:pathLst>
            </a:custGeom>
            <a:grpFill/>
            <a:ln w="0" cap="flat">
              <a:noFill/>
              <a:prstDash val="solid"/>
              <a:miter/>
            </a:ln>
          </p:spPr>
          <p:txBody>
            <a:bodyPr rtlCol="0" anchor="ctr"/>
            <a:lstStyle/>
            <a:p>
              <a:endParaRPr lang="en-US"/>
            </a:p>
          </p:txBody>
        </p:sp>
        <p:sp>
          <p:nvSpPr>
            <p:cNvPr id="47" name="Freeform: Shape 84">
              <a:extLst>
                <a:ext uri="{FF2B5EF4-FFF2-40B4-BE49-F238E27FC236}">
                  <a16:creationId xmlns:a16="http://schemas.microsoft.com/office/drawing/2014/main" id="{32B03AA8-BA48-90D5-7FBE-81496AF27579}"/>
                </a:ext>
              </a:extLst>
            </p:cNvPr>
            <p:cNvSpPr/>
            <p:nvPr/>
          </p:nvSpPr>
          <p:spPr>
            <a:xfrm>
              <a:off x="11595438" y="1765215"/>
              <a:ext cx="87502" cy="87502"/>
            </a:xfrm>
            <a:custGeom>
              <a:avLst/>
              <a:gdLst>
                <a:gd name="connsiteX0" fmla="*/ 50461 w 87502"/>
                <a:gd name="connsiteY0" fmla="*/ 87503 h 87502"/>
                <a:gd name="connsiteX1" fmla="*/ 50461 w 87502"/>
                <a:gd name="connsiteY1" fmla="*/ 50461 h 87502"/>
                <a:gd name="connsiteX2" fmla="*/ 87503 w 87502"/>
                <a:gd name="connsiteY2" fmla="*/ 50461 h 87502"/>
                <a:gd name="connsiteX3" fmla="*/ 87503 w 87502"/>
                <a:gd name="connsiteY3" fmla="*/ 36999 h 87502"/>
                <a:gd name="connsiteX4" fmla="*/ 50461 w 87502"/>
                <a:gd name="connsiteY4" fmla="*/ 36999 h 87502"/>
                <a:gd name="connsiteX5" fmla="*/ 50461 w 87502"/>
                <a:gd name="connsiteY5" fmla="*/ 0 h 87502"/>
                <a:gd name="connsiteX6" fmla="*/ 36999 w 87502"/>
                <a:gd name="connsiteY6" fmla="*/ 0 h 87502"/>
                <a:gd name="connsiteX7" fmla="*/ 36999 w 87502"/>
                <a:gd name="connsiteY7" fmla="*/ 36999 h 87502"/>
                <a:gd name="connsiteX8" fmla="*/ 0 w 87502"/>
                <a:gd name="connsiteY8" fmla="*/ 36999 h 87502"/>
                <a:gd name="connsiteX9" fmla="*/ 0 w 87502"/>
                <a:gd name="connsiteY9" fmla="*/ 50461 h 87502"/>
                <a:gd name="connsiteX10" fmla="*/ 36999 w 87502"/>
                <a:gd name="connsiteY10" fmla="*/ 50461 h 87502"/>
                <a:gd name="connsiteX11" fmla="*/ 36999 w 87502"/>
                <a:gd name="connsiteY11" fmla="*/ 87503 h 87502"/>
                <a:gd name="connsiteX12" fmla="*/ 50461 w 87502"/>
                <a:gd name="connsiteY12" fmla="*/ 87503 h 875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7502" h="87502">
                  <a:moveTo>
                    <a:pt x="50461" y="87503"/>
                  </a:moveTo>
                  <a:lnTo>
                    <a:pt x="50461" y="50461"/>
                  </a:lnTo>
                  <a:lnTo>
                    <a:pt x="87503" y="50461"/>
                  </a:lnTo>
                  <a:lnTo>
                    <a:pt x="87503" y="36999"/>
                  </a:lnTo>
                  <a:lnTo>
                    <a:pt x="50461" y="36999"/>
                  </a:lnTo>
                  <a:lnTo>
                    <a:pt x="50461" y="0"/>
                  </a:lnTo>
                  <a:lnTo>
                    <a:pt x="36999" y="0"/>
                  </a:lnTo>
                  <a:lnTo>
                    <a:pt x="36999" y="36999"/>
                  </a:lnTo>
                  <a:lnTo>
                    <a:pt x="0" y="36999"/>
                  </a:lnTo>
                  <a:lnTo>
                    <a:pt x="0" y="50461"/>
                  </a:lnTo>
                  <a:lnTo>
                    <a:pt x="36999" y="50461"/>
                  </a:lnTo>
                  <a:lnTo>
                    <a:pt x="36999" y="87503"/>
                  </a:lnTo>
                  <a:lnTo>
                    <a:pt x="50461" y="87503"/>
                  </a:lnTo>
                  <a:close/>
                </a:path>
              </a:pathLst>
            </a:custGeom>
            <a:grpFill/>
            <a:ln w="0" cap="flat">
              <a:noFill/>
              <a:prstDash val="solid"/>
              <a:miter/>
            </a:ln>
          </p:spPr>
          <p:txBody>
            <a:bodyPr rtlCol="0" anchor="ctr"/>
            <a:lstStyle/>
            <a:p>
              <a:endParaRPr lang="en-US"/>
            </a:p>
          </p:txBody>
        </p:sp>
      </p:grpSp>
      <p:sp>
        <p:nvSpPr>
          <p:cNvPr id="6" name="Slide Number Placeholder 5">
            <a:extLst>
              <a:ext uri="{FF2B5EF4-FFF2-40B4-BE49-F238E27FC236}">
                <a16:creationId xmlns:a16="http://schemas.microsoft.com/office/drawing/2014/main" id="{70DA6776-2740-241C-2B98-87CB7655F9EC}"/>
              </a:ext>
            </a:extLst>
          </p:cNvPr>
          <p:cNvSpPr>
            <a:spLocks noGrp="1"/>
          </p:cNvSpPr>
          <p:nvPr>
            <p:ph type="sldNum" sz="quarter" idx="19"/>
          </p:nvPr>
        </p:nvSpPr>
        <p:spPr/>
        <p:txBody>
          <a:bodyPr/>
          <a:lstStyle/>
          <a:p>
            <a:fld id="{23AA811B-2EBD-4900-905E-5BE206449611}" type="slidenum">
              <a:rPr lang="en-US" smtClean="0"/>
              <a:pPr/>
              <a:t>8</a:t>
            </a:fld>
            <a:endParaRPr lang="en-US" dirty="0"/>
          </a:p>
        </p:txBody>
      </p:sp>
      <p:sp>
        <p:nvSpPr>
          <p:cNvPr id="7" name="Date Placeholder 6">
            <a:extLst>
              <a:ext uri="{FF2B5EF4-FFF2-40B4-BE49-F238E27FC236}">
                <a16:creationId xmlns:a16="http://schemas.microsoft.com/office/drawing/2014/main" id="{808B5436-E978-428B-503C-49075E5E8B39}"/>
              </a:ext>
            </a:extLst>
          </p:cNvPr>
          <p:cNvSpPr>
            <a:spLocks noGrp="1"/>
          </p:cNvSpPr>
          <p:nvPr>
            <p:ph type="dt" sz="half" idx="13"/>
          </p:nvPr>
        </p:nvSpPr>
        <p:spPr/>
        <p:txBody>
          <a:bodyPr/>
          <a:lstStyle/>
          <a:p>
            <a:fld id="{B118041E-2DAD-480C-AEE4-E661A097CFE4}" type="datetime1">
              <a:rPr lang="en-US" smtClean="0"/>
              <a:t>7/26/2024</a:t>
            </a:fld>
            <a:endParaRPr lang="en-US" dirty="0"/>
          </a:p>
        </p:txBody>
      </p:sp>
      <p:pic>
        <p:nvPicPr>
          <p:cNvPr id="2" name="Picture 1">
            <a:extLst>
              <a:ext uri="{FF2B5EF4-FFF2-40B4-BE49-F238E27FC236}">
                <a16:creationId xmlns:a16="http://schemas.microsoft.com/office/drawing/2014/main" id="{150F3658-91F0-BB68-23EF-A981B27F55BA}"/>
              </a:ext>
            </a:extLst>
          </p:cNvPr>
          <p:cNvPicPr>
            <a:picLocks noChangeAspect="1"/>
          </p:cNvPicPr>
          <p:nvPr/>
        </p:nvPicPr>
        <p:blipFill>
          <a:blip r:embed="rId3"/>
          <a:stretch>
            <a:fillRect/>
          </a:stretch>
        </p:blipFill>
        <p:spPr>
          <a:xfrm>
            <a:off x="6096000" y="901388"/>
            <a:ext cx="4852103" cy="3615839"/>
          </a:xfrm>
          <a:prstGeom prst="rect">
            <a:avLst/>
          </a:prstGeom>
        </p:spPr>
      </p:pic>
      <p:sp>
        <p:nvSpPr>
          <p:cNvPr id="53" name="Rectangle: Single Corner Rounded 35">
            <a:extLst>
              <a:ext uri="{FF2B5EF4-FFF2-40B4-BE49-F238E27FC236}">
                <a16:creationId xmlns:a16="http://schemas.microsoft.com/office/drawing/2014/main" id="{40F3910F-7554-C9C9-0C5F-995FDA048D6F}"/>
              </a:ext>
            </a:extLst>
          </p:cNvPr>
          <p:cNvSpPr/>
          <p:nvPr/>
        </p:nvSpPr>
        <p:spPr>
          <a:xfrm>
            <a:off x="1727886" y="0"/>
            <a:ext cx="3278306" cy="6858000"/>
          </a:xfrm>
          <a:prstGeom prst="round1Rect">
            <a:avLst>
              <a:gd name="adj" fmla="val 21969"/>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9" name="Title 28">
            <a:extLst>
              <a:ext uri="{FF2B5EF4-FFF2-40B4-BE49-F238E27FC236}">
                <a16:creationId xmlns:a16="http://schemas.microsoft.com/office/drawing/2014/main" id="{86E7C752-D4CC-0754-6E73-216D13D51344}"/>
              </a:ext>
            </a:extLst>
          </p:cNvPr>
          <p:cNvSpPr>
            <a:spLocks noGrp="1"/>
          </p:cNvSpPr>
          <p:nvPr>
            <p:ph type="title"/>
          </p:nvPr>
        </p:nvSpPr>
        <p:spPr>
          <a:xfrm>
            <a:off x="360000" y="533211"/>
            <a:ext cx="4476832" cy="1166400"/>
          </a:xfrm>
        </p:spPr>
        <p:txBody>
          <a:bodyPr/>
          <a:lstStyle/>
          <a:p>
            <a:r>
              <a:rPr lang="en-US" dirty="0"/>
              <a:t>Cancel or Reschedule a P2P Appointment</a:t>
            </a:r>
          </a:p>
        </p:txBody>
      </p:sp>
      <p:sp>
        <p:nvSpPr>
          <p:cNvPr id="51" name="Text Placeholder 50">
            <a:extLst>
              <a:ext uri="{FF2B5EF4-FFF2-40B4-BE49-F238E27FC236}">
                <a16:creationId xmlns:a16="http://schemas.microsoft.com/office/drawing/2014/main" id="{6FC26027-37DC-91CF-0EC8-39ABF7884837}"/>
              </a:ext>
            </a:extLst>
          </p:cNvPr>
          <p:cNvSpPr>
            <a:spLocks noGrp="1"/>
          </p:cNvSpPr>
          <p:nvPr>
            <p:ph type="body" sz="quarter" idx="17"/>
          </p:nvPr>
        </p:nvSpPr>
        <p:spPr/>
        <p:txBody>
          <a:bodyPr/>
          <a:lstStyle/>
          <a:p>
            <a:r>
              <a:rPr lang="en-US" dirty="0"/>
              <a:t>Provider Resources</a:t>
            </a:r>
          </a:p>
          <a:p>
            <a:endParaRPr lang="en-US" dirty="0"/>
          </a:p>
        </p:txBody>
      </p:sp>
      <p:sp>
        <p:nvSpPr>
          <p:cNvPr id="30" name="Content Placeholder 29">
            <a:extLst>
              <a:ext uri="{FF2B5EF4-FFF2-40B4-BE49-F238E27FC236}">
                <a16:creationId xmlns:a16="http://schemas.microsoft.com/office/drawing/2014/main" id="{BDEDC7F6-76E6-6201-D50D-BD1E0F012D27}"/>
              </a:ext>
            </a:extLst>
          </p:cNvPr>
          <p:cNvSpPr>
            <a:spLocks noGrp="1"/>
          </p:cNvSpPr>
          <p:nvPr>
            <p:ph idx="1"/>
          </p:nvPr>
        </p:nvSpPr>
        <p:spPr>
          <a:xfrm>
            <a:off x="359999" y="1586928"/>
            <a:ext cx="4466215" cy="4042800"/>
          </a:xfrm>
        </p:spPr>
        <p:txBody>
          <a:bodyPr/>
          <a:lstStyle/>
          <a:p>
            <a:pPr marL="274320" lvl="0" indent="-274320">
              <a:buClr>
                <a:schemeClr val="tx2"/>
              </a:buClr>
              <a:buNone/>
            </a:pPr>
            <a:r>
              <a:rPr lang="en-US" sz="1600" b="1" dirty="0"/>
              <a:t>To cancel or reschedule an appointment: </a:t>
            </a:r>
            <a:endParaRPr lang="en-US" sz="1600" dirty="0"/>
          </a:p>
          <a:p>
            <a:pPr marL="182880" lvl="0" indent="-182880">
              <a:buClr>
                <a:schemeClr val="tx2"/>
              </a:buClr>
              <a:buFont typeface="+mj-lt"/>
              <a:buAutoNum type="arabicPeriod"/>
            </a:pPr>
            <a:r>
              <a:rPr lang="en-US" sz="1600" dirty="0"/>
              <a:t>Access the scheduling software and select </a:t>
            </a:r>
            <a:r>
              <a:rPr lang="en-US" sz="1600" b="1" dirty="0"/>
              <a:t>My P2P Requests</a:t>
            </a:r>
            <a:r>
              <a:rPr lang="en-US" sz="1600" dirty="0"/>
              <a:t> on the left-pane navigation</a:t>
            </a:r>
          </a:p>
          <a:p>
            <a:pPr marL="182880" lvl="0" indent="-182880">
              <a:buClr>
                <a:schemeClr val="tx2"/>
              </a:buClr>
              <a:buFont typeface="+mj-lt"/>
              <a:buAutoNum type="arabicPeriod"/>
            </a:pPr>
            <a:r>
              <a:rPr lang="en-US" sz="1600" dirty="0"/>
              <a:t>Select the request you would like to modify from the list of available appointments</a:t>
            </a:r>
          </a:p>
          <a:p>
            <a:pPr marL="182880" lvl="0" indent="-182880">
              <a:buClr>
                <a:schemeClr val="tx2"/>
              </a:buClr>
              <a:buFont typeface="+mj-lt"/>
              <a:buAutoNum type="arabicPeriod"/>
            </a:pPr>
            <a:r>
              <a:rPr lang="en-US" sz="1600" dirty="0"/>
              <a:t>When the request appears, click on the schedule link. An appointment window will open</a:t>
            </a:r>
          </a:p>
          <a:p>
            <a:pPr marL="182880" lvl="0" indent="-182880">
              <a:buClr>
                <a:schemeClr val="tx2"/>
              </a:buClr>
              <a:buFont typeface="+mj-lt"/>
              <a:buAutoNum type="arabicPeriod"/>
            </a:pPr>
            <a:r>
              <a:rPr lang="en-US" sz="1600" dirty="0"/>
              <a:t>Click on the </a:t>
            </a:r>
            <a:r>
              <a:rPr lang="en-US" sz="1600" b="1" dirty="0"/>
              <a:t>Actions</a:t>
            </a:r>
            <a:r>
              <a:rPr lang="en-US" sz="1600" dirty="0"/>
              <a:t> drop-down and choose the appropriate action</a:t>
            </a:r>
          </a:p>
          <a:p>
            <a:pPr marL="457200" lvl="2" indent="-182880">
              <a:buClr>
                <a:schemeClr val="tx2"/>
              </a:buClr>
              <a:buFont typeface="System Font Regular"/>
              <a:buChar char="+"/>
            </a:pPr>
            <a:r>
              <a:rPr lang="en-US" sz="1600" b="1" dirty="0"/>
              <a:t>If choosing to reschedule, </a:t>
            </a:r>
            <a:r>
              <a:rPr lang="en-US" sz="1600" dirty="0"/>
              <a:t>select a new date or time as you did initially</a:t>
            </a:r>
          </a:p>
          <a:p>
            <a:pPr marL="457200" lvl="2" indent="-182880">
              <a:buClr>
                <a:schemeClr val="tx2"/>
              </a:buClr>
              <a:buFont typeface="System Font Regular"/>
              <a:buChar char="+"/>
              <a:defRPr/>
            </a:pPr>
            <a:r>
              <a:rPr lang="en-US" sz="1600" b="1" dirty="0"/>
              <a:t>If choosing to cancel, </a:t>
            </a:r>
            <a:r>
              <a:rPr lang="en-US" sz="1600" dirty="0"/>
              <a:t>input a cancellation reason</a:t>
            </a:r>
          </a:p>
          <a:p>
            <a:pPr marL="182880" lvl="0" indent="-182880">
              <a:buClr>
                <a:schemeClr val="tx2"/>
              </a:buClr>
              <a:buFont typeface="+mj-lt"/>
              <a:buAutoNum type="arabicPeriod"/>
            </a:pPr>
            <a:r>
              <a:rPr lang="en-US" sz="1600" dirty="0"/>
              <a:t>Close the browser once finished</a:t>
            </a:r>
          </a:p>
        </p:txBody>
      </p:sp>
      <p:sp>
        <p:nvSpPr>
          <p:cNvPr id="8" name="Slide Number Placeholder 9">
            <a:extLst>
              <a:ext uri="{FF2B5EF4-FFF2-40B4-BE49-F238E27FC236}">
                <a16:creationId xmlns:a16="http://schemas.microsoft.com/office/drawing/2014/main" id="{8978D544-2F7C-8875-66C4-736059BF5DE2}"/>
              </a:ext>
            </a:extLst>
          </p:cNvPr>
          <p:cNvSpPr txBox="1">
            <a:spLocks/>
          </p:cNvSpPr>
          <p:nvPr/>
        </p:nvSpPr>
        <p:spPr>
          <a:xfrm>
            <a:off x="11561374" y="6364800"/>
            <a:ext cx="266400" cy="180000"/>
          </a:xfrm>
          <a:prstGeom prst="rect">
            <a:avLst/>
          </a:prstGeom>
        </p:spPr>
        <p:txBody>
          <a:bodyPr vert="horz" lIns="0" tIns="0" rIns="0" bIns="0" rtlCol="0" anchor="b" anchorCtr="0"/>
          <a:lstStyle>
            <a:defPPr>
              <a:defRPr lang="en-US"/>
            </a:defPPr>
            <a:lvl1pPr algn="r" defTabSz="457200" rtl="0" eaLnBrk="0" fontAlgn="base" hangingPunct="0">
              <a:lnSpc>
                <a:spcPct val="90000"/>
              </a:lnSpc>
              <a:spcBef>
                <a:spcPct val="0"/>
              </a:spcBef>
              <a:spcAft>
                <a:spcPct val="0"/>
              </a:spcAft>
              <a:defRPr sz="800" kern="1200" spc="80" baseline="0">
                <a:solidFill>
                  <a:srgbClr val="035C67"/>
                </a:solidFill>
                <a:latin typeface="+mn-lt"/>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23AA811B-2EBD-4900-905E-5BE206449611}" type="slidenum">
              <a:rPr lang="en-US" smtClean="0">
                <a:solidFill>
                  <a:schemeClr val="bg2"/>
                </a:solidFill>
              </a:rPr>
              <a:pPr/>
              <a:t>8</a:t>
            </a:fld>
            <a:endParaRPr lang="en-US" dirty="0">
              <a:solidFill>
                <a:schemeClr val="bg2"/>
              </a:solidFill>
            </a:endParaRPr>
          </a:p>
        </p:txBody>
      </p:sp>
      <p:sp>
        <p:nvSpPr>
          <p:cNvPr id="32" name="Date Placeholder 6">
            <a:extLst>
              <a:ext uri="{FF2B5EF4-FFF2-40B4-BE49-F238E27FC236}">
                <a16:creationId xmlns:a16="http://schemas.microsoft.com/office/drawing/2014/main" id="{FAC0604B-953F-A771-042C-3882E871154C}"/>
              </a:ext>
            </a:extLst>
          </p:cNvPr>
          <p:cNvSpPr txBox="1">
            <a:spLocks/>
          </p:cNvSpPr>
          <p:nvPr/>
        </p:nvSpPr>
        <p:spPr>
          <a:xfrm>
            <a:off x="10630800" y="6364800"/>
            <a:ext cx="691200" cy="180000"/>
          </a:xfrm>
          <a:prstGeom prst="rect">
            <a:avLst/>
          </a:prstGeom>
        </p:spPr>
        <p:txBody>
          <a:bodyPr vert="horz" lIns="0" tIns="0" rIns="0" bIns="0" rtlCol="0" anchor="b" anchorCtr="0"/>
          <a:lstStyle>
            <a:defPPr>
              <a:defRPr lang="en-US"/>
            </a:defPPr>
            <a:lvl1pPr algn="r" defTabSz="457200" rtl="0" eaLnBrk="0" fontAlgn="base" hangingPunct="0">
              <a:spcBef>
                <a:spcPct val="0"/>
              </a:spcBef>
              <a:spcAft>
                <a:spcPct val="0"/>
              </a:spcAft>
              <a:defRPr sz="800" kern="1200">
                <a:solidFill>
                  <a:srgbClr val="035C67"/>
                </a:solidFill>
                <a:latin typeface="Arial" panose="020B0604020202020204" pitchFamily="34" charset="0"/>
                <a:ea typeface="ＭＳ Ｐゴシック" panose="020B0600070205080204" pitchFamily="34" charset="-128"/>
                <a:cs typeface="ＭＳ Ｐゴシック" panose="020B0600070205080204" pitchFamily="34" charset="-128"/>
              </a:defRPr>
            </a:lvl1pPr>
            <a:lvl2pPr marL="4572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2pPr>
            <a:lvl3pPr marL="9144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3pPr>
            <a:lvl4pPr marL="13716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4pPr>
            <a:lvl5pPr marL="1828800" algn="l" defTabSz="457200" rtl="0" eaLnBrk="0" fontAlgn="base" hangingPunct="0">
              <a:spcBef>
                <a:spcPct val="0"/>
              </a:spcBef>
              <a:spcAft>
                <a:spcPct val="0"/>
              </a:spcAft>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5pPr>
            <a:lvl6pPr marL="22860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6pPr>
            <a:lvl7pPr marL="27432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7pPr>
            <a:lvl8pPr marL="32004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8pPr>
            <a:lvl9pPr marL="3657600" algn="l" defTabSz="914400" rtl="0" eaLnBrk="1" latinLnBrk="0" hangingPunct="1">
              <a:defRPr kern="1200">
                <a:solidFill>
                  <a:schemeClr val="tx1"/>
                </a:solidFill>
                <a:latin typeface="Arial" panose="020B0604020202020204" pitchFamily="34" charset="0"/>
                <a:ea typeface="ＭＳ Ｐゴシック" panose="020B0600070205080204" pitchFamily="34" charset="-128"/>
                <a:cs typeface="ＭＳ Ｐゴシック" panose="020B0600070205080204" pitchFamily="34" charset="-128"/>
              </a:defRPr>
            </a:lvl9pPr>
          </a:lstStyle>
          <a:p>
            <a:fld id="{5DC5082E-2538-4C43-B98E-BD181BFDFAF9}" type="datetime1">
              <a:rPr lang="en-US" smtClean="0">
                <a:solidFill>
                  <a:schemeClr val="bg2"/>
                </a:solidFill>
              </a:rPr>
              <a:pPr/>
              <a:t>7/26/2024</a:t>
            </a:fld>
            <a:endParaRPr lang="en-US" dirty="0">
              <a:solidFill>
                <a:schemeClr val="bg2"/>
              </a:solidFill>
            </a:endParaRPr>
          </a:p>
        </p:txBody>
      </p:sp>
      <p:sp>
        <p:nvSpPr>
          <p:cNvPr id="37" name="Legal dynamic" descr="{&quot;templafy&quot;:{&quot;id&quot;:&quot;aa68e427-5bc3-493e-b5cc-087f9adfba53&quot;}}" title="Form.Cigna_Confidentiality.EvernorthConfidentiality">
            <a:extLst>
              <a:ext uri="{FF2B5EF4-FFF2-40B4-BE49-F238E27FC236}">
                <a16:creationId xmlns:a16="http://schemas.microsoft.com/office/drawing/2014/main" id="{7845DE10-B3AA-5B8C-269E-ECCDA53ABC3D}"/>
              </a:ext>
            </a:extLst>
          </p:cNvPr>
          <p:cNvSpPr/>
          <p:nvPr/>
        </p:nvSpPr>
        <p:spPr>
          <a:xfrm>
            <a:off x="6075680" y="6213600"/>
            <a:ext cx="4431600" cy="33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r">
              <a:lnSpc>
                <a:spcPct val="90000"/>
              </a:lnSpc>
            </a:pPr>
            <a:r>
              <a:rPr lang="en-US" sz="800" b="0" i="0" cap="none" baseline="0" dirty="0">
                <a:solidFill>
                  <a:schemeClr val="bg2"/>
                </a:solidFill>
                <a:effectLst/>
                <a:latin typeface="Arial Narrow" panose="020B0604020202020204" pitchFamily="34" charset="0"/>
                <a:ea typeface="Arial" panose="020B0604020202020204" pitchFamily="34" charset="0"/>
                <a:cs typeface="Arial Narrow" panose="020B0604020202020204" pitchFamily="34" charset="0"/>
              </a:rPr>
              <a:t>© 2024 EviCore healthcare. All Rights Reserved. 
This presentation contains CONFIDENTIAL and PROPRIETARY information.</a:t>
            </a:r>
          </a:p>
        </p:txBody>
      </p:sp>
    </p:spTree>
    <p:extLst>
      <p:ext uri="{BB962C8B-B14F-4D97-AF65-F5344CB8AC3E}">
        <p14:creationId xmlns:p14="http://schemas.microsoft.com/office/powerpoint/2010/main" val="1163715626"/>
      </p:ext>
    </p:extLst>
  </p:cSld>
  <p:clrMapOvr>
    <a:masterClrMapping/>
  </p:clrMapOvr>
</p:sld>
</file>

<file path=ppt/theme/theme1.xml><?xml version="1.0" encoding="utf-8"?>
<a:theme xmlns:a="http://schemas.openxmlformats.org/drawingml/2006/main" name="Evernorth 16:9">
  <a:themeElements>
    <a:clrScheme name="Evernorth 2023">
      <a:dk1>
        <a:srgbClr val="000000"/>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Evernorth Arial">
      <a:majorFont>
        <a:latin typeface="Arial"/>
        <a:ea typeface="Arial"/>
        <a:cs typeface=""/>
      </a:majorFont>
      <a:minorFont>
        <a:latin typeface="Arial"/>
        <a:ea typeface="Arial"/>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000" dirty="0" err="1" smtClean="0">
            <a:solidFill>
              <a:schemeClr val="accent4"/>
            </a:solidFill>
          </a:defRPr>
        </a:defPPr>
      </a:lstStyle>
    </a:txDef>
  </a:objectDefaults>
  <a:extraClrSchemeLst/>
  <a:custClrLst>
    <a:custClr name="Darkmint">
      <a:srgbClr val="002F32"/>
    </a:custClr>
    <a:custClr name="Spruce 5">
      <a:srgbClr val="463413"/>
    </a:custClr>
    <a:custClr name="Blue 5">
      <a:srgbClr val="001980"/>
    </a:custClr>
    <a:custClr name="Coral 5">
      <a:srgbClr val="5C1F2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Tempermint">
      <a:srgbClr val="035C67"/>
    </a:custClr>
    <a:custClr name="Spruce 4">
      <a:srgbClr val="7B882B"/>
    </a:custClr>
    <a:custClr name="Blue 4 Active blue">
      <a:srgbClr val="0033FF"/>
    </a:custClr>
    <a:custClr name="Coral 4">
      <a:srgbClr val="B7344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ediumint">
      <a:srgbClr val="008F83"/>
    </a:custClr>
    <a:custClr name="Spruce 3">
      <a:srgbClr val="A0B239"/>
    </a:custClr>
    <a:custClr name="Blue 3">
      <a:srgbClr val="3879DB"/>
    </a:custClr>
    <a:custClr name="Coral 3">
      <a:srgbClr val="EA535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ypermint">
      <a:srgbClr val="3EFFC0"/>
    </a:custClr>
    <a:custClr name="Spruce 2">
      <a:srgbClr val="C4D746"/>
    </a:custClr>
    <a:custClr name="Blue 2">
      <a:srgbClr val="90B9FF"/>
    </a:custClr>
    <a:custClr name="Coral 2">
      <a:srgbClr val="E8878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Lightmint">
      <a:srgbClr val="B3F8D9"/>
    </a:custClr>
    <a:custClr name="Spruce 1">
      <a:srgbClr val="DAFA87"/>
    </a:custClr>
    <a:custClr name="Blue 1">
      <a:srgbClr val="D7E9FF"/>
    </a:custClr>
    <a:custClr name="Coral 1">
      <a:srgbClr val="FFEAE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Evernorth 2023">
      <a:dk1>
        <a:srgbClr val="000000"/>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Evernorth Arial">
      <a:majorFont>
        <a:latin typeface="Arial"/>
        <a:ea typeface="Arial"/>
        <a:cs typeface=""/>
      </a:majorFont>
      <a:minorFont>
        <a:latin typeface="Arial"/>
        <a:ea typeface="Arial"/>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Darkmint">
      <a:srgbClr val="002F32"/>
    </a:custClr>
    <a:custClr name="Spruce 5">
      <a:srgbClr val="463413"/>
    </a:custClr>
    <a:custClr name="Blue 5">
      <a:srgbClr val="001980"/>
    </a:custClr>
    <a:custClr name="Coral 5">
      <a:srgbClr val="5C1F2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Tempermint">
      <a:srgbClr val="035C67"/>
    </a:custClr>
    <a:custClr name="Spruce 4">
      <a:srgbClr val="7B882B"/>
    </a:custClr>
    <a:custClr name="Blue 4 Active blue">
      <a:srgbClr val="0033FF"/>
    </a:custClr>
    <a:custClr name="Coral 4">
      <a:srgbClr val="B7344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ediumint">
      <a:srgbClr val="008F83"/>
    </a:custClr>
    <a:custClr name="Spruce 3">
      <a:srgbClr val="A0B239"/>
    </a:custClr>
    <a:custClr name="Blue 3">
      <a:srgbClr val="3879DB"/>
    </a:custClr>
    <a:custClr name="Coral 3">
      <a:srgbClr val="EA535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ypermint">
      <a:srgbClr val="3EFFC0"/>
    </a:custClr>
    <a:custClr name="Spruce 2">
      <a:srgbClr val="C4D746"/>
    </a:custClr>
    <a:custClr name="Blue 2">
      <a:srgbClr val="90B9FF"/>
    </a:custClr>
    <a:custClr name="Coral 2">
      <a:srgbClr val="E8878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Lightmint">
      <a:srgbClr val="B3F8D9"/>
    </a:custClr>
    <a:custClr name="Spruce 1">
      <a:srgbClr val="DAFA87"/>
    </a:custClr>
    <a:custClr name="Blue 1">
      <a:srgbClr val="D7E9FF"/>
    </a:custClr>
    <a:custClr name="Coral 1">
      <a:srgbClr val="FFEAE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Evernorth 2023">
      <a:dk1>
        <a:srgbClr val="000000"/>
      </a:dk1>
      <a:lt1>
        <a:srgbClr val="FFFFFF"/>
      </a:lt1>
      <a:dk2>
        <a:srgbClr val="002F32"/>
      </a:dk2>
      <a:lt2>
        <a:srgbClr val="EDEBE7"/>
      </a:lt2>
      <a:accent1>
        <a:srgbClr val="3EFFC0"/>
      </a:accent1>
      <a:accent2>
        <a:srgbClr val="008F83"/>
      </a:accent2>
      <a:accent3>
        <a:srgbClr val="035C67"/>
      </a:accent3>
      <a:accent4>
        <a:srgbClr val="002F32"/>
      </a:accent4>
      <a:accent5>
        <a:srgbClr val="EA5353"/>
      </a:accent5>
      <a:accent6>
        <a:srgbClr val="EDEBE7"/>
      </a:accent6>
      <a:hlink>
        <a:srgbClr val="0033FF"/>
      </a:hlink>
      <a:folHlink>
        <a:srgbClr val="0033FF"/>
      </a:folHlink>
    </a:clrScheme>
    <a:fontScheme name="Evernorth Arial">
      <a:majorFont>
        <a:latin typeface="Arial"/>
        <a:ea typeface="Arial"/>
        <a:cs typeface=""/>
      </a:majorFont>
      <a:minorFont>
        <a:latin typeface="Arial"/>
        <a:ea typeface="Arial"/>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Darkmint">
      <a:srgbClr val="002F32"/>
    </a:custClr>
    <a:custClr name="Spruce 5">
      <a:srgbClr val="463413"/>
    </a:custClr>
    <a:custClr name="Blue 5">
      <a:srgbClr val="001980"/>
    </a:custClr>
    <a:custClr name="Coral 5">
      <a:srgbClr val="5C1F2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Tempermint">
      <a:srgbClr val="035C67"/>
    </a:custClr>
    <a:custClr name="Spruce 4">
      <a:srgbClr val="7B882B"/>
    </a:custClr>
    <a:custClr name="Blue 4 Active blue">
      <a:srgbClr val="0033FF"/>
    </a:custClr>
    <a:custClr name="Coral 4">
      <a:srgbClr val="B7344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Mediumint">
      <a:srgbClr val="008F83"/>
    </a:custClr>
    <a:custClr name="Spruce 3">
      <a:srgbClr val="A0B239"/>
    </a:custClr>
    <a:custClr name="Blue 3">
      <a:srgbClr val="3879DB"/>
    </a:custClr>
    <a:custClr name="Coral 3">
      <a:srgbClr val="EA535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Hypermint">
      <a:srgbClr val="3EFFC0"/>
    </a:custClr>
    <a:custClr name="Spruce 2">
      <a:srgbClr val="C4D746"/>
    </a:custClr>
    <a:custClr name="Blue 2">
      <a:srgbClr val="90B9FF"/>
    </a:custClr>
    <a:custClr name="Coral 2">
      <a:srgbClr val="E8878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Lightmint">
      <a:srgbClr val="B3F8D9"/>
    </a:custClr>
    <a:custClr name="Spruce 1">
      <a:srgbClr val="DAFA87"/>
    </a:custClr>
    <a:custClr name="Blue 1">
      <a:srgbClr val="D7E9FF"/>
    </a:custClr>
    <a:custClr name="Coral 1">
      <a:srgbClr val="FFEAE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shape","id":"3b902492-471a-4527-949a-0cf718a6ae85","elementConfiguration":{"binding":"Form.Logo.EvernorthConfidentiality","disableUpdates":false,"type":"text"}},{"type":"shape","id":"5268c20a-2517-4dbd-8892-f52aac2c3a9c","elementConfiguration":{"binding":"Form.Cigna_Confidentiality.Cigna_confidentiality","disableUpdates":false,"type":"text"}},{"type":"shape","id":"19bd03ab-ed87-4716-bc73-2cbf9b23bf73","elementConfiguration":{"inheritDimensions":"inheritNone","width":"5.96 cm","height":"2.1 cm","binding":"Form.Logo.LogoDarkmint","disableUpdates":false,"type":"image"}},{"type":"shape","id":"d8f68ba3-45a3-4a00-8b43-9861c198dcdb","elementConfiguration":{"binding":"Form.Logo.EvernorthConfidentiality","disableUpdates":false,"type":"text"}},{"type":"shape","id":"da5cb888-1abf-40b0-89f3-d41eb1767343","elementConfiguration":{"binding":"Form.Cigna_Confidentiality.Cigna_confidentiality","disableUpdates":false,"type":"text"}},{"type":"shape","id":"68e54485-3653-4741-8b44-bfbc10b9b3f1","elementConfiguration":{"inheritDimensions":"inheritNone","width":"5.96 cm","height":"2.1 cm","binding":"Form.Logo.LogoDarkmint","disableUpdates":false,"type":"image"}},{"type":"shape","id":"dc717cd9-5180-4b68-9afc-6ab16442be60","elementConfiguration":{"binding":"Form.Logo.EvernorthConfidentiality","disableUpdates":false,"type":"text"}},{"type":"shape","id":"3fde4f81-e40d-46bd-b6e9-f140dd63f246","elementConfiguration":{"binding":"Form.Cigna_Confidentiality.Cigna_confidentiality","disableUpdates":false,"type":"text"}},{"type":"shape","id":"39fec996-545f-4f85-8a51-e4fb088af72f","elementConfiguration":{"inheritDimensions":"inheritNone","width":"5.96 cm","height":"2.1 cm","binding":"Form.Logo.LogoHypermint","disableUpdates":false,"type":"image"}},{"type":"shape","id":"b02cec18-634d-4918-b93f-fa8d7e9d97de","elementConfiguration":{"binding":"Form.Logo.EvernorthConfidentiality","disableUpdates":false,"type":"text"}},{"type":"shape","id":"db60302f-f9d4-4e6c-abad-83368e94df99","elementConfiguration":{"binding":"Form.Cigna_Confidentiality.Cigna_confidentiality","disableUpdates":false,"type":"text"}},{"type":"shape","id":"2ced358d-72a0-484d-b111-e574244d24a1","elementConfiguration":{"inheritDimensions":"inheritNone","width":"5.96 cm","height":"2.1 cm","binding":"Form.Logo.LogoDarkmint","disableUpdates":false,"type":"image"}},{"type":"shape","id":"8d002f61-8375-4677-9810-50993535ea67","elementConfiguration":{"binding":"Form.Logo.EvernorthConfidentiality","disableUpdates":false,"type":"text"}},{"type":"shape","id":"d84a6aa6-b28b-42f3-97f9-65d1d176577c","elementConfiguration":{"binding":"Form.Cigna_Confidentiality.Cigna_confidentiality","disableUpdates":false,"type":"text"}},{"type":"shape","id":"5330bbab-2de2-41f0-ae98-74cb25da4dcb","elementConfiguration":{"inheritDimensions":"inheritNone","width":"5.96 cm","height":"2.1 cm","binding":"Form.Logo.LogoDarkmint","disableUpdates":false,"type":"image"}},{"type":"shape","id":"92f1ec2b-3e7d-47a5-b32a-fb22f0f6936a","elementConfiguration":{"binding":"Form.Logo.EvernorthConfidentiality","disableUpdates":false,"type":"text"}},{"type":"shape","id":"ecee7eb0-2871-46c5-830f-c89d7c513324","elementConfiguration":{"binding":"Form.Cigna_Confidentiality.Cigna_confidentiality","disableUpdates":false,"type":"text"}},{"type":"shape","id":"33ce9f56-fa63-4de1-b0de-ccbdf0711376","elementConfiguration":{"binding":"Form.Logo.EvernorthConfidentiality","disableUpdates":false,"type":"text"}},{"type":"shape","id":"1c3028f7-594d-4a2f-ad7c-217572e12005","elementConfiguration":{"binding":"Form.Cigna_Confidentiality.Cigna_confidentiality","disableUpdates":false,"type":"text"}},{"type":"shape","id":"3c1d804e-8c30-43b8-8a10-0d3fd4105ec2","elementConfiguration":{"inheritDimensions":"inheritNone","width":"5.96 cm","height":"2.1 cm","binding":"Form.Logo.LogoHypermint","disableUpdates":false,"type":"image"}},{"type":"shape","id":"67533c46-aad5-44ed-82cc-50883b147564","elementConfiguration":{"binding":"Form.Logo.EvernorthConfidentiality","disableUpdates":false,"type":"text"}},{"type":"shape","id":"334442d0-0cd5-4017-a66f-f8422bffc537","elementConfiguration":{"binding":"Form.Cigna_Confidentiality.Cigna_confidentiality","disableUpdates":false,"type":"text"}},{"type":"shape","id":"5642e2fd-c1dc-4a1f-ba08-73a107b65a3a","elementConfiguration":{"inheritDimensions":"inheritNone","width":"5.96 cm","height":"2.1 cm","binding":"Form.Logo.LogoHypermint","disableUpdates":false,"type":"image"}},{"type":"shape","id":"f1897897-b72a-47e3-aaeb-ffc0c63520c2","elementConfiguration":{"binding":"Form.Logo.EvernorthConfidentiality","disableUpdates":false,"type":"text"}},{"type":"shape","id":"9cdc5b43-b857-412e-95f1-63cb26e2352d","elementConfiguration":{"binding":"Form.Cigna_Confidentiality.Cigna_confidentiality","disableUpdates":false,"type":"text"}},{"type":"shape","id":"c0f90d67-0ea5-45d6-adff-be78ae1068e2","elementConfiguration":{"inheritDimensions":"inheritNone","width":"5.96 cm","height":"2.1 cm","binding":"Form.Logo.LogoHypermint","disableUpdates":false,"type":"image"}},{"type":"shape","id":"ce916ac9-7028-46f2-b0a1-7c2d2d10432e","elementConfiguration":{"binding":"Form.Logo.EvernorthConfidentiality","disableUpdates":false,"type":"text"}},{"type":"shape","id":"798296e4-5d49-4a07-92f0-6ba3d14d3986","elementConfiguration":{"binding":"Form.Cigna_Confidentiality.Cigna_confidentiality","disableUpdates":false,"type":"text"}},{"type":"shape","id":"57f1ac7c-3a21-4365-b789-d302def31edd","elementConfiguration":{"inheritDimensions":"inheritNone","width":"5.96 cm","height":"2.1 cm","binding":"Form.Logo.LogoHypermint","disableUpdates":false,"type":"image"}},{"type":"shape","id":"c029a77f-10b2-4eb1-9e71-411cf38d468e","elementConfiguration":{"inheritDimensions":"inheritNone","width":"5.96 cm","height":"2.1 cm","binding":"Form.Logo.LogoDarkmint","disableUpdates":false,"type":"image"}},{"type":"shape","id":"63a484cf-6bea-4a9d-b07b-1718d4091ab3","elementConfiguration":{"binding":"Form.Logo.EvernorthConfidentiality","disableUpdates":false,"type":"text"}},{"type":"shape","id":"5fdafd29-d74e-466b-8785-235956d363b1","elementConfiguration":{"binding":"Form.Cigna_Confidentiality.Cigna_confidentiality","disableUpdates":false,"type":"text"}},{"type":"shape","id":"e7a2c533-157f-41ee-905a-7ecd18d12fd1","elementConfiguration":{"binding":"Form.Logo.EvernorthConfidentiality","disableUpdates":false,"type":"text"}},{"type":"shape","id":"529b9577-20ac-42ce-a18e-0b5a626b1cf6","elementConfiguration":{"binding":"Form.Cigna_Confidentiality.Cigna_confidentiality","disableUpdates":false,"type":"text"}},{"type":"shape","id":"02c8f8e5-5a54-4e63-9ddc-45a7fa5390b8","elementConfiguration":{"inheritDimensions":"inheritNone","width":"5.96 cm","height":"2.1 cm","binding":"Form.Logo.LogoHypermint","disableUpdates":false,"type":"image"}},{"type":"shape","id":"c044f478-1529-4cab-a0a4-d8f585025d88","elementConfiguration":{"binding":"Form.Logo.EvernorthConfidentiality","disableUpdates":false,"type":"text"}},{"type":"shape","id":"a20966ed-6931-48be-b3af-1e5c30921f14","elementConfiguration":{"binding":"Form.Cigna_Confidentiality.Cigna_confidentiality","disableUpdates":false,"type":"text"}},{"type":"shape","id":"4c91b827-c0c4-46d4-97e2-541145a221e4","elementConfiguration":{"inheritDimensions":"inheritNone","width":"5.96 cm","height":"2.1 cm","binding":"Form.Logo.LogoDarkmint","disableUpdates":false,"type":"image"}},{"type":"shape","id":"31d9b36e-7255-43c2-9a20-aee42c012d23","elementConfiguration":{"binding":"Form.Logo.EvernorthConfidentiality","disableUpdates":false,"type":"text"}},{"type":"shape","id":"5fbe017c-48ce-4d76-9d24-8074f8fd2ddf","elementConfiguration":{"binding":"Form.Cigna_Confidentiality.Cigna_confidentiality","disableUpdates":false,"type":"text"}},{"type":"shape","id":"53c0e851-599c-449c-b60a-9ad0de872a8e","elementConfiguration":{"inheritDimensions":"inheritNone","width":"5.96 cm","height":"2.1 cm","binding":"Form.Logo.LogoHypermint","disableUpdates":false,"type":"image"}},{"type":"shape","id":"beebb8ec-92ca-4523-84f4-5f8229d73759","elementConfiguration":{"binding":"Form.Logo.EvernorthConfidentiality","disableUpdates":false,"type":"text"}},{"type":"shape","id":"2d7fadd8-fb87-4d7f-976e-36ca404f6499","elementConfiguration":{"binding":"Form.Cigna_Confidentiality.Cigna_confidentiality","disableUpdates":false,"type":"text"}},{"type":"shape","id":"960775a6-ff47-4aa9-af33-6918f20b3883","elementConfiguration":{"inheritDimensions":"inheritNone","width":"5.96 cm","height":"2.1 cm","binding":"Form.Logo.LogoDarkmint","disableUpdates":false,"type":"image"}},{"type":"shape","id":"b3df6949-19c8-43d0-a3ea-b0af9252e02e","elementConfiguration":{"binding":"Form.Logo.EvernorthConfidentiality","disableUpdates":false,"type":"text"}},{"type":"shape","id":"c0a88b5e-c805-4221-87fb-89c3088d987a","elementConfiguration":{"binding":"Form.Cigna_Confidentiality.Cigna_confidentiality","disableUpdates":false,"type":"text"}},{"type":"shape","id":"7c62c8fa-6a1a-4b13-b9af-feb09de43c2c","elementConfiguration":{"inheritDimensions":"inheritNone","width":"5.96 cm","height":"2.1 cm","binding":"Form.Logo.LogoDarkmint","disableUpdates":false,"type":"image"}},{"type":"shape","id":"dd524960-1af4-458e-b2c0-f3e6412e3303","elementConfiguration":{"binding":"Form.Logo.EvernorthConfidentiality","disableUpdates":false,"type":"text"}},{"type":"shape","id":"1b21c0af-6f7b-4b73-a298-0c261810f35d","elementConfiguration":{"binding":"Form.Cigna_Confidentiality.Cigna_confidentiality","disableUpdates":false,"type":"text"}},{"type":"shape","id":"e535d8f6-c77c-42e2-a445-251f582b7972","elementConfiguration":{"inheritDimensions":"inheritNone","width":"5.96 cm","height":"2.1 cm","binding":"Form.Logo.LogoHypermint","disableUpdates":false,"type":"image"}},{"type":"shape","id":"62944d3e-d2b5-4b55-a30a-56855a3da1bd","elementConfiguration":{"binding":"Form.Logo.EvernorthConfidentiality","disableUpdates":false,"type":"text"}},{"type":"shape","id":"5aacdcaa-89fb-44d0-b257-f8df99f3f7f9","elementConfiguration":{"binding":"Form.Cigna_Confidentiality.Cigna_confidentiality","disableUpdates":false,"type":"text"}},{"type":"shape","id":"5223fc42-faa2-4378-a99a-05dc5b88b436","elementConfiguration":{"inheritDimensions":"inheritNone","width":"5.96 cm","height":"2.1 cm","binding":"Form.Logo.LogoDarkmint","disableUpdates":false,"type":"image"}},{"type":"shape","id":"d06a6b30-a4f1-4cef-bd74-f45503f7b6fe","elementConfiguration":{"binding":"Form.Logo.EvernorthConfidentiality","disableUpdates":false,"type":"text"}},{"type":"shape","id":"0f8069f7-7669-4e0b-b3dc-9b343a67e17b","elementConfiguration":{"binding":"Form.Cigna_Confidentiality.Cigna_confidentiality","disableUpdates":false,"type":"text"}},{"type":"shape","id":"0ec36bf6-20de-4245-ba57-347867b3a204","elementConfiguration":{"inheritDimensions":"inheritNone","width":"5.96 cm","height":"2.1 cm","binding":"Form.Logo.LogoDarkmint","disableUpdates":false,"type":"image"}},{"type":"shape","id":"2166be5a-9262-43c5-9f4e-d656a1af1bec","elementConfiguration":{"binding":"Form.Logo.EvernorthConfidentiality","disableUpdates":false,"type":"text"}},{"type":"shape","id":"9256b86d-ed4a-4346-a4a2-fb39540b1e54","elementConfiguration":{"binding":"Form.Cigna_Confidentiality.Cigna_confidentiality","disableUpdates":false,"type":"text"}},{"type":"shape","id":"6495e9cd-6fe1-4036-8644-a341ebe37844","elementConfiguration":{"inheritDimensions":"inheritNone","width":"5.96 cm","height":"2.1 cm","binding":"Form.Logo.LogoHypermint","disableUpdates":false,"type":"image"}},{"type":"shape","id":"717cceaf-b027-4653-a7f9-eb5ebd359705","elementConfiguration":{"binding":"Form.Logo.EvernorthConfidentiality","disableUpdates":false,"type":"text"}},{"type":"shape","id":"d206851e-95d3-4330-81eb-a659e51e4274","elementConfiguration":{"binding":"Form.Cigna_Confidentiality.Cigna_confidentiality","disableUpdates":false,"type":"text"}},{"type":"shape","id":"9a4e822b-610c-4fd4-a956-db2c580f0fe7","elementConfiguration":{"binding":"Form.Logo.EvernorthConfidentiality","disableUpdates":false,"type":"text"}},{"type":"shape","id":"75693659-e367-42df-bae3-8bfc2dd2f175","elementConfiguration":{"binding":"Form.Cigna_Confidentiality.Cigna_confidentiality","disableUpdates":false,"type":"text"}},{"type":"shape","id":"6e60ad82-5311-40d3-b854-1ae1e604f9ce","elementConfiguration":{"inheritDimensions":"inheritNone","width":"5.96 cm","height":"2.1 cm","binding":"Form.Logo.LogoHypermint","disableUpdates":false,"type":"image"}},{"type":"shape","id":"e7674626-b0d1-4ea0-b115-dfc9377bcd89","elementConfiguration":{"binding":"Form.Logo.EvernorthConfidentialityEndslides","disableUpdates":false,"type":"text"}},{"type":"shape","id":"b764ca5e-666c-45fa-80b4-e4803a20da52","elementConfiguration":{"binding":"Form.Cigna_Confidentiality.Cigna_confidentiality","disableUpdates":false,"type":"text"}},{"type":"shape","id":"69d757c6-5e4d-45d1-b67c-60d660026e8f","elementConfiguration":{"inheritDimensions":"inheritNone","width":"5.96 cm","height":"2.1 cm","binding":"Form.Logo.LogoHypermint","disableUpdates":false,"type":"image"}},{"type":"shape","id":"f86d8a97-6b9c-4a6a-8430-a9c0b1aafc4b","elementConfiguration":{"binding":"Form.Logo.EvernorthConfidentiality","disableUpdates":false,"type":"text"}},{"type":"shape","id":"c6cff9e8-a86e-45af-8220-351f1c5aefe8","elementConfiguration":{"binding":"Form.Cigna_Confidentiality.Cigna_confidentiality","disableUpdates":false,"type":"text"}},{"type":"shape","id":"28b76e59-d39c-4c63-93d4-08e9d8b2aaf2","elementConfiguration":{"inheritDimensions":"inheritNone","width":"5.96 cm","height":"2.1 cm","binding":"Form.Logo.LogoHypermint","disableUpdates":false,"type":"image"}},{"type":"shape","id":"a5c87061-9d41-4f40-bb00-aa04ca167443","elementConfiguration":{"binding":"Form.Logo.EvernorthConfidentiality","disableUpdates":false,"type":"text"}},{"type":"shape","id":"c230333d-4a28-4a3d-b578-334a02765cd7","elementConfiguration":{"binding":"Form.Cigna_Confidentiality.Cigna_confidentiality","disableUpdates":false,"type":"text"}},{"type":"shape","id":"9ab5db43-f34c-4ff0-961f-e7d578281d63","elementConfiguration":{"inheritDimensions":"inheritNone","width":"5.96 cm","height":"2.1 cm","binding":"Form.Logo.LogoHypermint","disableUpdates":false,"type":"image"}},{"type":"shape","id":"699f4c7f-e745-402d-96c8-820d7d8787c5","elementConfiguration":{"binding":"Form.Logo.EvernorthConfidentiality","disableUpdates":false,"type":"text"}},{"type":"shape","id":"0b4d3710-fcc5-4e36-be9e-31d7204f5914","elementConfiguration":{"binding":"Form.Cigna_Confidentiality.Cigna_confidentiality","disableUpdates":false,"type":"text"}},{"type":"shape","id":"34b518fe-e6df-43ce-b5a6-3fb0a136cdbb","elementConfiguration":{"inheritDimensions":"inheritNone","width":"5.96 cm","height":"2.1 cm","binding":"Form.Logo.LogoDarkmint","disableUpdates":false,"type":"image"}},{"type":"shape","id":"aad74a85-87f8-41da-9f36-c311e1399bae","elementConfiguration":{"binding":"Form.Logo.EvernorthConfidentiality","disableUpdates":false,"type":"text"}},{"type":"shape","id":"354ab9bc-9961-458b-94a3-20087657ba48","elementConfiguration":{"binding":"Form.Cigna_Confidentiality.Cigna_confidentiality","disableUpdates":false,"type":"text"}},{"type":"shape","id":"b24b520b-82a4-4a13-b0e0-3deef9f01d5d","elementConfiguration":{"inheritDimensions":"inheritNone","width":"5.96 cm","height":"2.1 cm","binding":"Form.Logo.LogoHypermint","disableUpdates":false,"type":"image"}},{"type":"shape","id":"de6318c2-7f4a-4a70-bad5-65f5edda9dc0","elementConfiguration":{"binding":"Form.Logo.EvernorthConfidentiality","disableUpdates":false,"type":"text"}},{"type":"shape","id":"f1dfb6e7-5b02-4d13-96de-f10a8f66021a","elementConfiguration":{"binding":"Form.Cigna_Confidentiality.Cigna_confidentiality","disableUpdates":false,"type":"text"}},{"type":"shape","id":"0e02bf46-bed0-49b7-9a83-2cc83b93aff7","elementConfiguration":{"inheritDimensions":"inheritNone","width":"5.96 cm","height":"2.1 cm","binding":"Form.Logo.LogoDarkmint","disableUpdates":false,"type":"image"}},{"type":"shape","id":"2e6eb4ba-f9c5-4534-a3d2-202dc54c511a","elementConfiguration":{"binding":"Form.Logo.EvernorthConfidentiality","disableUpdates":false,"type":"text"}},{"type":"shape","id":"f49e7825-59dc-4c32-8812-2235114715d8","elementConfiguration":{"binding":"Form.Cigna_Confidentiality.Cigna_confidentiality","disableUpdates":false,"type":"text"}},{"type":"shape","id":"d95828aa-29ae-4484-b3bf-005980e591e3","elementConfiguration":{"inheritDimensions":"inheritNone","width":"5.96 cm","height":"2.1 cm","binding":"Form.Logo.LogoHypermint","disableUpdates":false,"type":"image"}},{"type":"shape","id":"848d1e20-d139-4250-9944-94fd70262ed5","elementConfiguration":{"binding":"Form.Logo.EvernorthConfidentiality","disableUpdates":false,"type":"text"}},{"type":"shape","id":"c982f34f-309e-4795-a948-a9872641096b","elementConfiguration":{"binding":"Form.Cigna_Confidentiality.Cigna_confidentiality","disableUpdates":false,"type":"text"}},{"type":"shape","id":"76d88e6b-d641-4d2e-b7cc-275c4f27c48a","elementConfiguration":{"inheritDimensions":"inheritNone","width":"5.96 cm","height":"2.1 cm","binding":"Form.Logo.LogoDarkmint","disableUpdates":false,"type":"image"}},{"type":"shape","id":"b18c12d4-4ccc-40c2-a903-38d8ef773c05","elementConfiguration":{"binding":"Form.Logo.EvernorthConfidentiality","disableUpdates":false,"type":"text"}},{"type":"shape","id":"e5c6134f-6f12-4cea-8e09-384435dba822","elementConfiguration":{"inheritDimensions":"inheritNone","width":"5.96 cm","height":"2.1 cm","binding":"Form.Logo.LogoDarkmint","disableUpdates":false,"type":"image"}},{"type":"shape","id":"2e41f699-d531-4d3c-8d16-6ff80d458d51","elementConfiguration":{"binding":"Form.Cigna_Confidentiality.Cigna_confidentiality","disableUpdates":false,"type":"text"}},{"type":"shape","id":"7659a447-51f5-4b8a-b512-15abf0579594","elementConfiguration":{"binding":"Form.Logo.EvernorthConfidentialityEndslides","disableUpdates":false,"type":"text"}},{"type":"shape","id":"f71ffc6c-bb5a-4295-83eb-d688e217d819","elementConfiguration":{"binding":"Form.Cigna_Confidentiality.Cigna_confidentiality","disableUpdates":false,"type":"text"}},{"type":"shape","id":"a2faf656-cefb-4aaf-a7eb-ec1054f12d57","elementConfiguration":{"inheritDimensions":"inheritNone","width":"5.96 cm","height":"2.1 cm","binding":"Form.Logo.LogoHypermint","disableUpdates":false,"type":"image"}},{"type":"shape","id":"b4b53aa4-aae5-4daa-8743-ef188e9e6ab7","elementConfiguration":{"binding":"Form.Logo.EvernorthConfidentiality","disableUpdates":false,"type":"text"}},{"type":"shape","id":"2e485a6e-e20a-4f69-b1db-86987a3469e4","elementConfiguration":{"binding":"Form.Cigna_Confidentiality.Cigna_confidentiality","disableUpdates":false,"type":"text"}},{"type":"shape","id":"b46e0356-d11d-4c0c-bb44-47845f441d3b","elementConfiguration":{"binding":"Form.Logo.EvernorthConfidentiality","disableUpdates":false,"type":"text"}},{"type":"shape","id":"1bfae404-7cb5-40ec-be1e-e93d00d71701","elementConfiguration":{"binding":"Form.Cigna_Confidentiality.Cigna_confidentiality","disableUpdates":false,"type":"text"}},{"type":"shape","id":"498cbd6b-4050-486b-801a-cf6e018b3e99","elementConfiguration":{"inheritDimensions":"inheritNone","width":"5.96 cm","height":"2.1 cm","binding":"Form.Logo.LogoHypermint","disableUpdates":false,"type":"image"}},{"type":"shape","id":"49e769e0-b764-4317-ae15-5320dd71bcb8","elementConfiguration":{"binding":"Form.Logo.EvernorthConfidentiality","disableUpdates":false,"type":"text"}},{"type":"shape","id":"3b7a5ef4-cee5-42c3-9436-93b89efdd8a8","elementConfiguration":{"binding":"Form.Cigna_Confidentiality.Cigna_confidentiality","disableUpdates":false,"type":"text"}},{"type":"shape","id":"63f43e16-c218-4a80-90c4-ad54677d47f9","elementConfiguration":{"inheritDimensions":"inheritNone","width":"5.96 cm","height":"2.1 cm","binding":"Form.Logo.LogoHypermint","disableUpdates":false,"type":"image"}},{"type":"shape","id":"c4b6788c-adce-40bb-beab-a31ab314ff68","elementConfiguration":{"binding":"Form.Logo.EvernorthConfidentiality","disableUpdates":false,"type":"text"}},{"type":"shape","id":"f3de517e-cb38-42c8-b096-7fbd2ddd0738","elementConfiguration":{"binding":"Form.Cigna_Confidentiality.Cigna_confidentiality","disableUpdates":false,"type":"text"}},{"type":"shape","id":"9d9a7075-9643-4846-9413-cefda2dc16ea","elementConfiguration":{"inheritDimensions":"inheritNone","width":"5.96 cm","height":"2.1 cm","binding":"Form.Logo.LogoHypermint","disableUpdates":false,"type":"image"}},{"type":"shape","id":"bc937550-cd4a-4d1b-b042-3bf0d698da1b","elementConfiguration":{"binding":"Form.Logo.EvernorthConfidentiality","disableUpdates":false,"type":"text"}},{"type":"shape","id":"d33c5b49-55bb-44c3-a00e-0738402da380","elementConfiguration":{"binding":"Form.Cigna_Confidentiality.Cigna_confidentiality","disableUpdates":false,"type":"text"}},{"type":"shape","id":"73934016-a5e2-44e4-9fd7-cc826cb0495c","elementConfiguration":{"inheritDimensions":"inheritNone","width":"5.96 cm","height":"2.1 cm","binding":"Form.Logo.LogoHypermint","disableUpdates":false,"type":"image"}},{"type":"shape","id":"31c61128-65e5-49ed-a961-6d1646ca5bf2","elementConfiguration":{"binding":"Form.Logo.EvernorthConfidentiality","disableUpdates":false,"type":"text"}},{"type":"shape","id":"c48e1efa-eb92-4297-9842-80c17bbdd679","elementConfiguration":{"binding":"Form.Cigna_Confidentiality.Cigna_confidentiality","disableUpdates":false,"type":"text"}},{"type":"shape","id":"50c23a9f-f56f-4b97-8ec0-609652fdf40d","elementConfiguration":{"inheritDimensions":"inheritNone","width":"5.96 cm","height":"2.1 cm","binding":"Form.Logo.LogoDarkmint","disableUpdates":false,"type":"image"}},{"type":"shape","id":"307d09df-51e5-4d2e-8a7f-acbd65cfc595","elementConfiguration":{"binding":"Form.Logo.EvernorthConfidentiality","disableUpdates":false,"type":"text"}},{"type":"shape","id":"17a338e1-152b-4f2d-9161-b39b39f76599","elementConfiguration":{"binding":"Form.Cigna_Confidentiality.Cigna_confidentiality","disableUpdates":false,"type":"text"}},{"type":"shape","id":"156cf66d-2787-48e3-b7d7-83748a9320e7","elementConfiguration":{"inheritDimensions":"inheritNone","width":"5.96 cm","height":"2.1 cm","binding":"Form.Logo.LogoDarkmint","disableUpdates":false,"type":"image"}},{"type":"shape","id":"97dd38bb-c278-41b2-a420-2854045afbe6","elementConfiguration":{"binding":"Form.Logo.EvernorthConfidentiality","disableUpdates":false,"type":"text"}},{"type":"shape","id":"63101700-5a5d-4128-bff5-697ae4ffea92","elementConfiguration":{"binding":"Form.Cigna_Confidentiality.Cigna_confidentiality","disableUpdates":false,"type":"text"}},{"type":"shape","id":"1d738870-b817-4444-a3da-3a93f8c0c871","elementConfiguration":{"inheritDimensions":"inheritNone","width":"5.96 cm","height":"2.1 cm","binding":"Form.Logo.LogoDarkmint","disableUpdates":false,"type":"image"}},{"type":"shape","id":"1620a033-0a04-4549-8094-6090ea658828","elementConfiguration":{"binding":"Form.Logo.EvernorthConfidentiality","disableUpdates":false,"type":"text"}},{"type":"shape","id":"eb5eb6f6-f25d-48cf-bd81-b5042a608bd5","elementConfiguration":{"binding":"Form.Cigna_Confidentiality.Cigna_confidentiality","disableUpdates":false,"type":"text"}},{"type":"shape","id":"9a9f65e0-e6bb-46af-b232-814eafc73182","elementConfiguration":{"inheritDimensions":"inheritNone","width":"5.96 cm","height":"2.1 cm","binding":"Form.Logo.LogoHypermint","disableUpdates":false,"type":"image"}},{"type":"shape","id":"789f5589-cd28-4c4a-b5d0-b462eae59c7a","elementConfiguration":{"binding":"Form.Logo.EvernorthConfidentiality","disableUpdates":false,"type":"text"}},{"type":"shape","id":"e845f047-8f39-4f32-b784-fdf6e351c244","elementConfiguration":{"binding":"Form.Cigna_Confidentiality.Cigna_confidentiality","disableUpdates":false,"type":"text"}},{"type":"shape","id":"f0fb7299-77b5-43b0-b91f-e4f9a8a34cba","elementConfiguration":{"inheritDimensions":"inheritNone","width":"5.96 cm","height":"2.1 cm","binding":"Form.Logo.LogoDarkmint","disableUpdates":false,"type":"image"}},{"type":"shape","id":"3c11548d-97d4-4b56-86e8-28adbd2a2534","elementConfiguration":{"binding":"Form.Logo.EvernorthConfidentiality","disableUpdates":false,"type":"text"}},{"type":"shape","id":"a7f8b48e-1e9d-446f-8af0-9266ec090b18","elementConfiguration":{"binding":"Form.Cigna_Confidentiality.Cigna_confidentiality","disableUpdates":false,"type":"text"}},{"type":"shape","id":"53d66d2e-8c71-4116-a6b5-f329edad08f8","elementConfiguration":{"inheritDimensions":"inheritNone","width":"5.96 cm","height":"2.1 cm","binding":"Form.Logo.LogoHypermint","disableUpdates":false,"type":"image"}},{"type":"shape","id":"6a158d8d-71dc-4309-9a1e-bd4dbdc8dffc","elementConfiguration":{"inheritDimensions":"inheritNone","width":"5.96 cm","height":"2.1 cm","binding":"Form.Logo.LogoDarkmint","disableUpdates":false,"type":"image"}},{"type":"shape","id":"7d80d22b-a76d-48e4-9993-711e537d038c","elementConfiguration":{"binding":"Form.Logo.EvernorthConfidentialityEndslides","disableUpdates":false,"type":"text"}},{"type":"shape","id":"5ed1c543-f4a0-4b7c-8bd9-82dc71b9d182","elementConfiguration":{"binding":"Form.Cigna_Confidentiality.Cigna_confidentiality","disableUpdates":false,"type":"text"}},{"type":"shape","id":"9734b64b-bc81-4982-aca5-92c68588d60c","elementConfiguration":{"binding":"Form.Logo.EvernorthConfidentiality","disableUpdates":false,"type":"text"}},{"type":"shape","id":"cd031008-d2ae-4f3d-bfdb-6e7d3af6f8d1","elementConfiguration":{"binding":"Form.Cigna_Confidentiality.Cigna_confidentiality","disableUpdates":false,"type":"text"}},{"type":"shape","id":"7b82a7a8-87ce-470c-af1c-66e9accdfdfc","elementConfiguration":{"binding":"Form.Logo.EvernorthConfidentiality","disableUpdates":false,"type":"text"}},{"type":"shape","id":"f725c76f-570e-4822-a312-46625c04952d","elementConfiguration":{"binding":"Form.Cigna_Confidentiality.Cigna_confidentiality","disableUpdates":false,"type":"text"}},{"type":"shape","id":"7af04a7f-a468-43e4-9088-769d667b339e","elementConfiguration":{"inheritDimensions":"inheritNone","width":"5.96 cm","height":"2.1 cm","binding":"Form.Logo.LogoHypermint","disableUpdates":false,"type":"image"}},{"type":"shape","id":"d1cfb21c-9d05-4564-a81b-1b706aa2cb54","elementConfiguration":{"binding":"Form.Cigna_Confidentiality.EvernorthConfidentiality","disableUpdates":false,"type":"text"}},{"type":"shape","id":"2cb7d885-0411-4413-8699-7521172b5d01","elementConfiguration":{"binding":"Form.Cigna_Confidentiality.Cigna_confidentiality","disableUpdates":false,"type":"text"}},{"type":"shape","id":"2167cb3c-1139-4b10-b3ba-63d0baf6f087","elementConfiguration":{"inheritDimensions":"inheritNone","width":"5.96 cm","height":"2.1 cm","binding":"Form.Logo.LogoHypermint","disableUpdates":false,"type":"image"}},{"type":"shape","id":"d7161672-9744-49c5-8d55-bfcf89853081","elementConfiguration":{"binding":"Form.Logo.EvernorthConfidentiality","disableUpdates":false,"type":"text"}},{"type":"shape","id":"34a9c2b9-824d-4e18-9dd1-a202c1bc47bf","elementConfiguration":{"binding":"Form.Cigna_Confidentiality.Cigna_confidentiality","disableUpdates":false,"type":"text"}},{"type":"shape","id":"628d995b-5146-49ac-b5f3-c4f24497391a","elementConfiguration":{"inheritDimensions":"inheritNone","width":"5.96 cm","height":"2.1 cm","binding":"Form.Logo.LogoDarkmint","disableUpdates":false,"type":"image"}},{"type":"shape","id":"5d23dade-5806-4379-9777-82bf33c59223","elementConfiguration":{"binding":"Form.Logo.EvernorthConfidentiality","disableUpdates":false,"type":"text"}},{"type":"shape","id":"ef4d4622-4c1e-458b-872f-0f863c70a4c0","elementConfiguration":{"binding":"Form.Cigna_Confidentiality.Cigna_confidentiality","disableUpdates":false,"type":"text"}},{"type":"shape","id":"db0f958e-a35d-4919-bb08-8088789af852","elementConfiguration":{"inheritDimensions":"inheritNone","width":"5.96 cm","height":"2.1 cm","binding":"Form.Logo.LogoHypermint","disableUpdates":false,"type":"image"}},{"type":"shape","id":"ef88852a-01f1-4832-93b9-5ee3fe35d15d","elementConfiguration":{"binding":"Form.Logo.EvernorthConfidentiality","disableUpdates":false,"type":"text"}},{"type":"shape","id":"b6215833-5f18-4e23-9aa5-e54f1255d315","elementConfiguration":{"binding":"Form.Cigna_Confidentiality.Cigna_confidentiality","disableUpdates":false,"type":"text"}},{"type":"shape","id":"85b9b979-16dc-4749-8e27-711129cb6ff6","elementConfiguration":{"inheritDimensions":"inheritNone","width":"5.96 cm","height":"2.1 cm","binding":"Form.Logo.LogoDarkmint","disableUpdates":false,"type":"image"}},{"type":"shape","id":"07471f26-c2f9-409c-8008-c0b8e85e7bd4","elementConfiguration":{"binding":"Form.Logo.EvernorthConfidentiality","disableUpdates":false,"type":"text"}},{"type":"shape","id":"7f2d5682-dfad-4f26-9812-b852f10cbf28","elementConfiguration":{"binding":"Form.Cigna_Confidentiality.Cigna_confidentiality","disableUpdates":false,"type":"text"}},{"type":"shape","id":"71d7638c-a434-42ad-a9d5-f3e8d87d23d2","elementConfiguration":{"binding":"Form.Logo.EvernorthConfidentiality","disableUpdates":false,"type":"text"}},{"type":"shape","id":"d7b45119-f2a0-4447-955d-1ff181631fc6","elementConfiguration":{"binding":"Form.Cigna_Confidentiality.Cigna_confidentiality","disableUpdates":false,"type":"text"}},{"type":"shape","id":"d302369b-15b3-430a-95e5-286a9c62ea29","elementConfiguration":{"inheritDimensions":"inheritNone","width":"5.96 cm","height":"2.1 cm","binding":"Form.Logo.LogoHypermint","disableUpdates":false,"type":"image"}},{"type":"shape","id":"dea40017-4b99-4b91-9f3b-47b8b998123d","elementConfiguration":{"binding":"Form.Logo.EvernorthConfidentiality","disableUpdates":false,"type":"text"}},{"type":"shape","id":"4d12c3fd-0447-45d7-b0d9-37edd1b4c351","elementConfiguration":{"binding":"Form.Cigna_Confidentiality.Cigna_confidentiality","disableUpdates":false,"type":"text"}},{"type":"shape","id":"9a874928-b095-447f-8b37-95567864aca0","elementConfiguration":{"inheritDimensions":"inheritNone","width":"5.96 cm","height":"2.1 cm","binding":"Form.Logo.LogoDarkmint","disableUpdates":false,"type":"image"}},{"type":"shape","id":"e8f9552b-d8e9-4bd2-804e-c0de68a8f87a","elementConfiguration":{"binding":"Form.Logo.EvernorthConfidentiality","disableUpdates":false,"type":"text"}},{"type":"shape","id":"304d6a89-7eea-4cf3-9d65-73abd52366bb","elementConfiguration":{"binding":"Form.Cigna_Confidentiality.Cigna_confidentiality","disableUpdates":false,"type":"text"}},{"type":"shape","id":"4f4ce79c-e34c-4bc0-a033-fccb1ffc3ee2","elementConfiguration":{"inheritDimensions":"inheritNone","width":"5.96 cm","height":"2.1 cm","binding":"Form.Logo.LogoHypermint","disableUpdates":false,"type":"image"}},{"type":"shape","id":"162b0f4a-3aac-4aa1-9a51-697b26252f2f","elementConfiguration":{"binding":"Form.Logo.EvernorthConfidentiality","disableUpdates":false,"type":"text"}},{"type":"shape","id":"84324261-1175-41ee-83b2-a7a2d3c42499","elementConfiguration":{"inheritDimensions":"inheritNone","width":"5.96 cm","height":"2.1 cm","binding":"Form.Logo.LogoHypermint","disableUpdates":false,"type":"image"}},{"type":"shape","id":"3590642b-617f-4788-9744-51176f98d4f9","elementConfiguration":{"binding":"Form.Cigna_Confidentiality.Cigna_confidentiality","disableUpdates":false,"type":"text"}},{"type":"shape","id":"1c65511a-fb9b-448a-b30b-d749ac280de6","elementConfiguration":{"binding":"Form.Logo.EvernorthConfidentiality","disableUpdates":false,"type":"text"}},{"type":"shape","id":"24aaa90f-6dcf-468e-8e1c-e2896ac3d92f","elementConfiguration":{"binding":"Form.Cigna_Confidentiality.Cigna_confidentiality","disableUpdates":false,"type":"text"}},{"type":"shape","id":"3d50b752-fd53-44db-9026-08a39c3e750a","elementConfiguration":{"inheritDimensions":"inheritNone","width":"5.96 cm","height":"2.1 cm","binding":"Form.Logo.LogoHypermint","disableUpdates":false,"type":"image"}},{"type":"shape","id":"c2bbf45c-16c7-46c8-873c-e755cae6cec7","elementConfiguration":{"inheritDimensions":"inheritNone","width":"5.96 cm","height":"2.1 cm","binding":"Form.Logo.LogoDarkmint","disableUpdates":false,"type":"image"}},{"type":"shape","id":"d1f8cc19-06df-4315-b015-70162de2b7a8","elementConfiguration":{"binding":"Form.Logo.EvernorthConfidentialityEndslides","disableUpdates":false,"type":"text"}},{"type":"shape","id":"18217850-65dd-433e-93d8-0d552894fa76","elementConfiguration":{"binding":"Form.Cigna_Confidentiality.Cigna_confidentiality","disableUpdates":false,"type":"text"}},{"type":"shape","id":"138b9294-d2da-4d95-9016-ba5c6748e385","elementConfiguration":{"binding":"Form.Logo.EvernorthConfidentiality","disableUpdates":false,"type":"text"}},{"type":"shape","id":"6f970146-ae64-4db2-8718-f2c562842965","elementConfiguration":{"binding":"Form.Cigna_Confidentiality.Cigna_confidentiality","disableUpdates":false,"type":"text"}},{"type":"shape","id":"b0527e23-a7c3-4287-ab3b-9e15bfdc6d88","elementConfiguration":{"binding":"Form.Logo.EvernorthConfidentiality","disableUpdates":false,"type":"text"}},{"type":"shape","id":"60db5b6a-8000-4354-9be9-addacd2ec712","elementConfiguration":{"binding":"Form.Cigna_Confidentiality.Cigna_confidentiality","disableUpdates":false,"type":"text"}},{"type":"shape","id":"cf96ea76-2bf3-44df-a7ab-cfe4dbdf6730","elementConfiguration":{"inheritDimensions":"inheritNone","width":"5.96 cm","height":"2.1 cm","binding":"Form.Logo.LogoDarkmint","disableUpdates":false,"type":"image"}}],"transformationConfigurations":[{"language":"{{DocumentLanguage}}","disableUpdates":false,"type":"proofingLanguage"}],"templateName":"","templateDescription":"","enableDocumentContentUpdater":true,"version":"1.12"}]]></TemplafyTemplateConfiguration>
</file>

<file path=customXml/item2.xml><?xml version="1.0" encoding="utf-8"?>
<TemplafySlideFormConfiguration><![CDATA[{"formFields":[],"formDataEntries":[]}]]></TemplafySlideFormConfiguration>
</file>

<file path=customXml/item3.xml><?xml version="1.0" encoding="utf-8"?>
<TemplafyFormConfiguration><![CDATA[{"formFields":[{"dataSource":"P_EvernorthLogoChooser","displayColumn":"name","defaultValue":"1","hideIfNoUserInteractionRequired":false,"distinct":true,"required":false,"autoSelectFirstOption":false,"helpTexts":{"prefix":"","postfix":""},"spacing":{},"type":"dropDown","name":"Logo","label":"Choose Logo","fullyQualifiedName":"Logo"},{"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Logo","value":"eIoCWanthbwAvl4gcWHq6g=="},{"name":"Cigna_Confidentiality","value":"aKBTu2fPbzfKbYCIYAfo4Q=="}]}]]></TemplafyFormConfiguration>
</file>

<file path=customXml/item4.xml><?xml version="1.0" encoding="utf-8"?>
<TemplafySlideTemplateConfiguration><![CDATA[{"slideVersion":0,"isValidatorEnabled":false,"isLocked":false,"elementsMetadata":[],"slideId":"637613426736953145","enableDocumentContentUpdater":true,"version":"1.12"}]]></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slideVersion":0,"isValidatorEnabled":false,"isLocked":false,"elementsMetadata":[],"slideId":"637613426737109384","enableDocumentContentUpdater":true,"version":"1.12"}]]></TemplafySlideTemplateConfiguration>
</file>

<file path=customXml/item7.xml><?xml version="1.0" encoding="utf-8"?>
<sisl xmlns:xsd="http://www.w3.org/2001/XMLSchema" xmlns:xsi="http://www.w3.org/2001/XMLSchema-instance" xmlns="http://www.boldonjames.com/2008/01/sie/internal/label" sislVersion="0" policy="06dbc50a-7c40-497c-8ead-392c4a2b388e" origin="userSelected">
  <element uid="3a0f620a-74f7-4504-a030-448d9ea0e08a" value=""/>
  <element uid="id_classification_generalbusiness" value=""/>
  <element uid="0bf5a77d-3f3a-4e58-9a8a-1570d5e8454d" value=""/>
</sisl>
</file>

<file path=customXml/itemProps1.xml><?xml version="1.0" encoding="utf-8"?>
<ds:datastoreItem xmlns:ds="http://schemas.openxmlformats.org/officeDocument/2006/customXml" ds:itemID="{9E4D2E6F-FE49-4FFB-A5F2-EDA5AAB1D111}">
  <ds:schemaRefs/>
</ds:datastoreItem>
</file>

<file path=customXml/itemProps2.xml><?xml version="1.0" encoding="utf-8"?>
<ds:datastoreItem xmlns:ds="http://schemas.openxmlformats.org/officeDocument/2006/customXml" ds:itemID="{572020D8-0F8A-4694-A5D5-3FD346308DB0}">
  <ds:schemaRefs/>
</ds:datastoreItem>
</file>

<file path=customXml/itemProps3.xml><?xml version="1.0" encoding="utf-8"?>
<ds:datastoreItem xmlns:ds="http://schemas.openxmlformats.org/officeDocument/2006/customXml" ds:itemID="{180E6B4A-02B3-49EE-B6F9-C0FE6F86CE81}">
  <ds:schemaRefs/>
</ds:datastoreItem>
</file>

<file path=customXml/itemProps4.xml><?xml version="1.0" encoding="utf-8"?>
<ds:datastoreItem xmlns:ds="http://schemas.openxmlformats.org/officeDocument/2006/customXml" ds:itemID="{12546B32-2351-4076-83EF-E5A9B4AFAD40}">
  <ds:schemaRefs/>
</ds:datastoreItem>
</file>

<file path=customXml/itemProps5.xml><?xml version="1.0" encoding="utf-8"?>
<ds:datastoreItem xmlns:ds="http://schemas.openxmlformats.org/officeDocument/2006/customXml" ds:itemID="{6D58C35B-A86D-4831-A748-0749BF4D8337}">
  <ds:schemaRefs/>
</ds:datastoreItem>
</file>

<file path=customXml/itemProps6.xml><?xml version="1.0" encoding="utf-8"?>
<ds:datastoreItem xmlns:ds="http://schemas.openxmlformats.org/officeDocument/2006/customXml" ds:itemID="{69959F0B-2648-4794-8D32-9E1511ED07D7}">
  <ds:schemaRefs/>
</ds:datastoreItem>
</file>

<file path=customXml/itemProps7.xml><?xml version="1.0" encoding="utf-8"?>
<ds:datastoreItem xmlns:ds="http://schemas.openxmlformats.org/officeDocument/2006/customXml" ds:itemID="{576E5FBA-E295-41A6-BD98-CFF486636E3F}">
  <ds:schemaRefs>
    <ds:schemaRef ds:uri="http://www.w3.org/2001/XMLSchema"/>
    <ds:schemaRef ds:uri="http://www.boldonjames.com/2008/01/sie/internal/label"/>
  </ds:schemaRefs>
</ds:datastoreItem>
</file>

<file path=docProps/app.xml><?xml version="1.0" encoding="utf-8"?>
<Properties xmlns="http://schemas.openxmlformats.org/officeDocument/2006/extended-properties" xmlns:vt="http://schemas.openxmlformats.org/officeDocument/2006/docPropsVTypes">
  <Template>Evernorth 16:9</Template>
  <TotalTime>1885</TotalTime>
  <Words>833</Words>
  <Application>Microsoft Office PowerPoint</Application>
  <PresentationFormat>Widescreen</PresentationFormat>
  <Paragraphs>101</Paragraphs>
  <Slides>8</Slides>
  <Notes>8</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8</vt:i4>
      </vt:variant>
    </vt:vector>
  </HeadingPairs>
  <TitlesOfParts>
    <vt:vector size="16" baseType="lpstr">
      <vt:lpstr>ＭＳ Ｐゴシック</vt:lpstr>
      <vt:lpstr>Arial</vt:lpstr>
      <vt:lpstr>Arial Black</vt:lpstr>
      <vt:lpstr>Arial Narrow</vt:lpstr>
      <vt:lpstr>Consolas</vt:lpstr>
      <vt:lpstr>Segoe UI</vt:lpstr>
      <vt:lpstr>System Font Regular</vt:lpstr>
      <vt:lpstr>Evernorth 16:9</vt:lpstr>
      <vt:lpstr>Peer-to-Peer (P2P)  Scheduling Tool</vt:lpstr>
      <vt:lpstr>Schedule a P2P Request</vt:lpstr>
      <vt:lpstr>Schedule a P2P Request (con’t.)</vt:lpstr>
      <vt:lpstr>Schedule a P2P Request (con’t.)</vt:lpstr>
      <vt:lpstr>Schedule a P2P Request (con’t.)</vt:lpstr>
      <vt:lpstr>P2P Contact Details</vt:lpstr>
      <vt:lpstr>Call Notes</vt:lpstr>
      <vt:lpstr>Cancel or Reschedule a P2P Appointment</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olution]</dc:title>
  <dc:creator>Dawn Tarter</dc:creator>
  <cp:lastModifiedBy>Amy E. Oliphant</cp:lastModifiedBy>
  <cp:revision>16</cp:revision>
  <dcterms:created xsi:type="dcterms:W3CDTF">2024-04-04T20:12:50Z</dcterms:created>
  <dcterms:modified xsi:type="dcterms:W3CDTF">2024-07-26T14:06: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enantId">
    <vt:lpwstr>cigna</vt:lpwstr>
  </property>
  <property fmtid="{D5CDD505-2E9C-101B-9397-08002B2CF9AE}" pid="4" name="TemplafyTemplateId">
    <vt:lpwstr>638338156615379706</vt:lpwstr>
  </property>
  <property fmtid="{D5CDD505-2E9C-101B-9397-08002B2CF9AE}" pid="5" name="TemplafyUserProfileId">
    <vt:lpwstr>637854726264807975</vt:lpwstr>
  </property>
  <property fmtid="{D5CDD505-2E9C-101B-9397-08002B2CF9AE}" pid="6" name="TemplafyLanguageCode">
    <vt:lpwstr>en-US</vt:lpwstr>
  </property>
  <property fmtid="{D5CDD505-2E9C-101B-9397-08002B2CF9AE}" pid="7" name="docIndexRef">
    <vt:lpwstr>466d0ee3-13dc-4dda-9952-8001c4143b80</vt:lpwstr>
  </property>
  <property fmtid="{D5CDD505-2E9C-101B-9397-08002B2CF9AE}" pid="8" name="bjClsUserRVM">
    <vt:lpwstr>[]</vt:lpwstr>
  </property>
  <property fmtid="{D5CDD505-2E9C-101B-9397-08002B2CF9AE}" pid="9" name="bjSaver">
    <vt:lpwstr>6LjKvlljhjZpoDQyhE7dQ225TXZT0dko</vt:lpwstr>
  </property>
  <property fmtid="{D5CDD505-2E9C-101B-9397-08002B2CF9AE}" pid="10" name="bjDocumentLabelXML">
    <vt:lpwstr>&lt;?xml version="1.0" encoding="us-ascii"?&gt;&lt;sisl xmlns:xsd="http://www.w3.org/2001/XMLSchema" xmlns:xsi="http://www.w3.org/2001/XMLSchema-instance" sislVersion="0" policy="06dbc50a-7c40-497c-8ead-392c4a2b388e" origin="userSelected" xmlns="http://www.boldonj</vt:lpwstr>
  </property>
  <property fmtid="{D5CDD505-2E9C-101B-9397-08002B2CF9AE}" pid="11" name="bjDocumentLabelXML-0">
    <vt:lpwstr>ames.com/2008/01/sie/internal/label"&gt;&lt;element uid="3a0f620a-74f7-4504-a030-448d9ea0e08a" value="" /&gt;&lt;element uid="id_classification_generalbusiness" value="" /&gt;&lt;element uid="0bf5a77d-3f3a-4e58-9a8a-1570d5e8454d" value="" /&gt;&lt;/sisl&gt;</vt:lpwstr>
  </property>
  <property fmtid="{D5CDD505-2E9C-101B-9397-08002B2CF9AE}" pid="12" name="bjDocumentSecurityLabel">
    <vt:lpwstr>Internal</vt:lpwstr>
  </property>
  <property fmtid="{D5CDD505-2E9C-101B-9397-08002B2CF9AE}" pid="13" name="bjESIDataClassification">
    <vt:lpwstr>XYZZYInternalfwo[qei34890ty@^C@#%^11dc45</vt:lpwstr>
  </property>
</Properties>
</file>